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77.xml" ContentType="application/vnd.openxmlformats-officedocument.presentationml.tags+xml"/>
  <Override PartName="/ppt/notesSlides/notesSlide1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4"/>
  </p:notesMasterIdLst>
  <p:handoutMasterIdLst>
    <p:handoutMasterId r:id="rId15"/>
  </p:handoutMasterIdLst>
  <p:sldIdLst>
    <p:sldId id="455" r:id="rId2"/>
    <p:sldId id="456" r:id="rId3"/>
    <p:sldId id="504" r:id="rId4"/>
    <p:sldId id="458" r:id="rId5"/>
    <p:sldId id="459" r:id="rId6"/>
    <p:sldId id="506" r:id="rId7"/>
    <p:sldId id="507" r:id="rId8"/>
    <p:sldId id="280" r:id="rId9"/>
    <p:sldId id="405" r:id="rId10"/>
    <p:sldId id="410" r:id="rId11"/>
    <p:sldId id="418" r:id="rId12"/>
    <p:sldId id="411" r:id="rId13"/>
  </p:sldIdLst>
  <p:sldSz cx="9144000" cy="5143500" type="screen16x9"/>
  <p:notesSz cx="6858000" cy="9144000"/>
  <p:custDataLst>
    <p:tags r:id="rId16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4" pos="5561">
          <p15:clr>
            <a:srgbClr val="A4A3A4"/>
          </p15:clr>
        </p15:guide>
        <p15:guide id="6" orient="horz" pos="3046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8784CAC-3F5B-4CBF-97B1-8F96B55051C4}" v="1" dt="2023-09-16T16:03:53.091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3C2FFA5D-87B4-456A-9821-1D502468CF0F}" styleName="Themed Style 1 - Accent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775DCB02-9BB8-47FD-8907-85C794F793BA}" styleName="Themed Style 1 - Accent 4">
    <a:tblBg>
      <a:fillRef idx="2">
        <a:schemeClr val="accent4"/>
      </a:fillRef>
      <a:effectRef idx="1">
        <a:schemeClr val="accent4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Ref idx="1">
              <a:schemeClr val="accent4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  <a:fill>
          <a:solidFill>
            <a:schemeClr val="accent4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4"/>
            </a:lnRef>
          </a:left>
          <a:right>
            <a:lnRef idx="2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2">
              <a:schemeClr val="accent4"/>
            </a:lnRef>
          </a:top>
          <a:bottom>
            <a:lnRef idx="2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4"/>
          </a:solidFill>
        </a:fill>
      </a:tcStyle>
    </a:firstRow>
  </a:tblStyle>
  <a:tblStyle styleId="{35758FB7-9AC5-4552-8A53-C91805E547FA}" styleName="Themed Style 1 - Accent 5">
    <a:tblBg>
      <a:fillRef idx="2">
        <a:schemeClr val="accent5"/>
      </a:fillRef>
      <a:effectRef idx="1">
        <a:schemeClr val="accent5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Ref idx="1">
              <a:schemeClr val="accent5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  <a:fill>
          <a:solidFill>
            <a:schemeClr val="accent5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5"/>
            </a:lnRef>
          </a:left>
          <a:right>
            <a:lnRef idx="2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2">
              <a:schemeClr val="accent5"/>
            </a:lnRef>
          </a:top>
          <a:bottom>
            <a:lnRef idx="2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367" autoAdjust="0"/>
    <p:restoredTop sz="94291" autoAdjust="0"/>
  </p:normalViewPr>
  <p:slideViewPr>
    <p:cSldViewPr snapToGrid="0" snapToObjects="1">
      <p:cViewPr varScale="1">
        <p:scale>
          <a:sx n="84" d="100"/>
          <a:sy n="84" d="100"/>
        </p:scale>
        <p:origin x="564" y="64"/>
      </p:cViewPr>
      <p:guideLst>
        <p:guide pos="5561"/>
        <p:guide orient="horz" pos="3046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 snapToObjects="1">
      <p:cViewPr varScale="1">
        <p:scale>
          <a:sx n="121" d="100"/>
          <a:sy n="121" d="100"/>
        </p:scale>
        <p:origin x="1092" y="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microsoft.com/office/2016/11/relationships/changesInfo" Target="changesInfos/changesInfo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tags" Target="tags/tag1.xml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handoutMaster" Target="handoutMasters/handoutMaster1.xml"/><Relationship Id="rId10" Type="http://schemas.openxmlformats.org/officeDocument/2006/relationships/slide" Target="slides/slide9.xml"/><Relationship Id="rId19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Relationship Id="rId22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ARH (Anna Rabocha)" userId="a5545e76-fda9-4675-921a-595f25aeea74" providerId="ADAL" clId="{FAAF5D9B-F4DE-486C-9E36-E33F5E8E0018}"/>
    <pc:docChg chg="addSld modSld sldOrd">
      <pc:chgData name="NARH (Anna Rabocha)" userId="a5545e76-fda9-4675-921a-595f25aeea74" providerId="ADAL" clId="{FAAF5D9B-F4DE-486C-9E36-E33F5E8E0018}" dt="2020-04-13T06:56:57.134" v="39" actId="1076"/>
      <pc:docMkLst>
        <pc:docMk/>
      </pc:docMkLst>
    </pc:docChg>
  </pc:docChgLst>
  <pc:docChgLst>
    <pc:chgData name="NARH (Anna Rabocha)" userId="a5545e76-fda9-4675-921a-595f25aeea74" providerId="ADAL" clId="{58784CAC-3F5B-4CBF-97B1-8F96B55051C4}"/>
    <pc:docChg chg="custSel delSld modSld">
      <pc:chgData name="NARH (Anna Rabocha)" userId="a5545e76-fda9-4675-921a-595f25aeea74" providerId="ADAL" clId="{58784CAC-3F5B-4CBF-97B1-8F96B55051C4}" dt="2023-09-16T16:06:16.536" v="178" actId="20577"/>
      <pc:docMkLst>
        <pc:docMk/>
      </pc:docMkLst>
      <pc:sldChg chg="modSp mod">
        <pc:chgData name="NARH (Anna Rabocha)" userId="a5545e76-fda9-4675-921a-595f25aeea74" providerId="ADAL" clId="{58784CAC-3F5B-4CBF-97B1-8F96B55051C4}" dt="2023-09-16T16:06:16.536" v="178" actId="20577"/>
        <pc:sldMkLst>
          <pc:docMk/>
          <pc:sldMk cId="262338442" sldId="280"/>
        </pc:sldMkLst>
        <pc:spChg chg="mod">
          <ac:chgData name="NARH (Anna Rabocha)" userId="a5545e76-fda9-4675-921a-595f25aeea74" providerId="ADAL" clId="{58784CAC-3F5B-4CBF-97B1-8F96B55051C4}" dt="2023-09-16T16:01:37.583" v="137" actId="2711"/>
          <ac:spMkLst>
            <pc:docMk/>
            <pc:sldMk cId="262338442" sldId="280"/>
            <ac:spMk id="2" creationId="{4DB91C7A-AC16-4E58-B949-CE511C5686DD}"/>
          </ac:spMkLst>
        </pc:spChg>
        <pc:spChg chg="mod">
          <ac:chgData name="NARH (Anna Rabocha)" userId="a5545e76-fda9-4675-921a-595f25aeea74" providerId="ADAL" clId="{58784CAC-3F5B-4CBF-97B1-8F96B55051C4}" dt="2023-09-16T16:01:30.246" v="136" actId="2711"/>
          <ac:spMkLst>
            <pc:docMk/>
            <pc:sldMk cId="262338442" sldId="280"/>
            <ac:spMk id="8" creationId="{2FCE0703-64DC-410C-AA79-CF2DEBE0F5D0}"/>
          </ac:spMkLst>
        </pc:spChg>
        <pc:spChg chg="mod">
          <ac:chgData name="NARH (Anna Rabocha)" userId="a5545e76-fda9-4675-921a-595f25aeea74" providerId="ADAL" clId="{58784CAC-3F5B-4CBF-97B1-8F96B55051C4}" dt="2023-09-16T16:06:16.536" v="178" actId="20577"/>
          <ac:spMkLst>
            <pc:docMk/>
            <pc:sldMk cId="262338442" sldId="280"/>
            <ac:spMk id="11" creationId="{B7ADCD01-AEB7-4A78-A1BD-3C0A88D8E458}"/>
          </ac:spMkLst>
        </pc:spChg>
      </pc:sldChg>
      <pc:sldChg chg="modSp mod">
        <pc:chgData name="NARH (Anna Rabocha)" userId="a5545e76-fda9-4675-921a-595f25aeea74" providerId="ADAL" clId="{58784CAC-3F5B-4CBF-97B1-8F96B55051C4}" dt="2023-09-16T16:06:11.155" v="176" actId="20577"/>
        <pc:sldMkLst>
          <pc:docMk/>
          <pc:sldMk cId="72210228" sldId="405"/>
        </pc:sldMkLst>
        <pc:spChg chg="mod">
          <ac:chgData name="NARH (Anna Rabocha)" userId="a5545e76-fda9-4675-921a-595f25aeea74" providerId="ADAL" clId="{58784CAC-3F5B-4CBF-97B1-8F96B55051C4}" dt="2023-09-16T16:05:50.848" v="173" actId="12"/>
          <ac:spMkLst>
            <pc:docMk/>
            <pc:sldMk cId="72210228" sldId="405"/>
            <ac:spMk id="2" creationId="{81656911-1D96-4F96-8D90-CF5CF9B5611D}"/>
          </ac:spMkLst>
        </pc:spChg>
        <pc:spChg chg="mod">
          <ac:chgData name="NARH (Anna Rabocha)" userId="a5545e76-fda9-4675-921a-595f25aeea74" providerId="ADAL" clId="{58784CAC-3F5B-4CBF-97B1-8F96B55051C4}" dt="2023-09-16T16:01:58.707" v="139" actId="20577"/>
          <ac:spMkLst>
            <pc:docMk/>
            <pc:sldMk cId="72210228" sldId="405"/>
            <ac:spMk id="3" creationId="{B4161B9C-41DB-4AB3-A7F2-8DE9FB9F1FCF}"/>
          </ac:spMkLst>
        </pc:spChg>
        <pc:spChg chg="mod">
          <ac:chgData name="NARH (Anna Rabocha)" userId="a5545e76-fda9-4675-921a-595f25aeea74" providerId="ADAL" clId="{58784CAC-3F5B-4CBF-97B1-8F96B55051C4}" dt="2023-09-16T16:06:11.155" v="176" actId="20577"/>
          <ac:spMkLst>
            <pc:docMk/>
            <pc:sldMk cId="72210228" sldId="405"/>
            <ac:spMk id="5" creationId="{03CA07A5-C606-4A46-A8B7-09470866B732}"/>
          </ac:spMkLst>
        </pc:spChg>
        <pc:spChg chg="mod">
          <ac:chgData name="NARH (Anna Rabocha)" userId="a5545e76-fda9-4675-921a-595f25aeea74" providerId="ADAL" clId="{58784CAC-3F5B-4CBF-97B1-8F96B55051C4}" dt="2023-09-16T16:02:18.183" v="141" actId="2711"/>
          <ac:spMkLst>
            <pc:docMk/>
            <pc:sldMk cId="72210228" sldId="405"/>
            <ac:spMk id="8" creationId="{8DA62327-2555-4AAC-B2A0-3FE9A2FD239F}"/>
          </ac:spMkLst>
        </pc:spChg>
      </pc:sldChg>
      <pc:sldChg chg="modSp mod">
        <pc:chgData name="NARH (Anna Rabocha)" userId="a5545e76-fda9-4675-921a-595f25aeea74" providerId="ADAL" clId="{58784CAC-3F5B-4CBF-97B1-8F96B55051C4}" dt="2023-09-16T16:02:50.516" v="145" actId="2711"/>
        <pc:sldMkLst>
          <pc:docMk/>
          <pc:sldMk cId="59394310" sldId="410"/>
        </pc:sldMkLst>
        <pc:spChg chg="mod">
          <ac:chgData name="NARH (Anna Rabocha)" userId="a5545e76-fda9-4675-921a-595f25aeea74" providerId="ADAL" clId="{58784CAC-3F5B-4CBF-97B1-8F96B55051C4}" dt="2023-09-16T16:02:50.516" v="145" actId="2711"/>
          <ac:spMkLst>
            <pc:docMk/>
            <pc:sldMk cId="59394310" sldId="410"/>
            <ac:spMk id="6" creationId="{829B9A37-634C-4809-BD49-D697F6AB060F}"/>
          </ac:spMkLst>
        </pc:spChg>
        <pc:spChg chg="mod">
          <ac:chgData name="NARH (Anna Rabocha)" userId="a5545e76-fda9-4675-921a-595f25aeea74" providerId="ADAL" clId="{58784CAC-3F5B-4CBF-97B1-8F96B55051C4}" dt="2023-09-16T16:02:38.048" v="143" actId="2711"/>
          <ac:spMkLst>
            <pc:docMk/>
            <pc:sldMk cId="59394310" sldId="410"/>
            <ac:spMk id="8" creationId="{B7701B1C-414D-4A17-B5D2-7295D85796DE}"/>
          </ac:spMkLst>
        </pc:spChg>
        <pc:spChg chg="mod">
          <ac:chgData name="NARH (Anna Rabocha)" userId="a5545e76-fda9-4675-921a-595f25aeea74" providerId="ADAL" clId="{58784CAC-3F5B-4CBF-97B1-8F96B55051C4}" dt="2023-09-16T16:02:43.868" v="144" actId="2711"/>
          <ac:spMkLst>
            <pc:docMk/>
            <pc:sldMk cId="59394310" sldId="410"/>
            <ac:spMk id="11" creationId="{758CB4C2-B0BE-4AA9-B11B-C5A9539E0418}"/>
          </ac:spMkLst>
        </pc:spChg>
      </pc:sldChg>
      <pc:sldChg chg="modSp mod">
        <pc:chgData name="NARH (Anna Rabocha)" userId="a5545e76-fda9-4675-921a-595f25aeea74" providerId="ADAL" clId="{58784CAC-3F5B-4CBF-97B1-8F96B55051C4}" dt="2023-09-16T16:06:02.028" v="175" actId="6549"/>
        <pc:sldMkLst>
          <pc:docMk/>
          <pc:sldMk cId="3261894410" sldId="411"/>
        </pc:sldMkLst>
        <pc:spChg chg="mod">
          <ac:chgData name="NARH (Anna Rabocha)" userId="a5545e76-fda9-4675-921a-595f25aeea74" providerId="ADAL" clId="{58784CAC-3F5B-4CBF-97B1-8F96B55051C4}" dt="2023-09-16T16:04:33.128" v="156" actId="2711"/>
          <ac:spMkLst>
            <pc:docMk/>
            <pc:sldMk cId="3261894410" sldId="411"/>
            <ac:spMk id="3" creationId="{15ECF57A-EF58-4049-917F-4966704FC7AB}"/>
          </ac:spMkLst>
        </pc:spChg>
        <pc:spChg chg="mod">
          <ac:chgData name="NARH (Anna Rabocha)" userId="a5545e76-fda9-4675-921a-595f25aeea74" providerId="ADAL" clId="{58784CAC-3F5B-4CBF-97B1-8F96B55051C4}" dt="2023-09-16T16:04:39.096" v="157" actId="2711"/>
          <ac:spMkLst>
            <pc:docMk/>
            <pc:sldMk cId="3261894410" sldId="411"/>
            <ac:spMk id="5" creationId="{8AD78C61-8735-4E1C-8C83-6351886E2886}"/>
          </ac:spMkLst>
        </pc:spChg>
        <pc:spChg chg="mod">
          <ac:chgData name="NARH (Anna Rabocha)" userId="a5545e76-fda9-4675-921a-595f25aeea74" providerId="ADAL" clId="{58784CAC-3F5B-4CBF-97B1-8F96B55051C4}" dt="2023-09-16T16:04:45.136" v="158" actId="2711"/>
          <ac:spMkLst>
            <pc:docMk/>
            <pc:sldMk cId="3261894410" sldId="411"/>
            <ac:spMk id="8" creationId="{2C7D7AD9-C8AA-455C-9658-C62F8A57B09A}"/>
          </ac:spMkLst>
        </pc:spChg>
        <pc:spChg chg="mod">
          <ac:chgData name="NARH (Anna Rabocha)" userId="a5545e76-fda9-4675-921a-595f25aeea74" providerId="ADAL" clId="{58784CAC-3F5B-4CBF-97B1-8F96B55051C4}" dt="2023-09-16T16:04:26.079" v="155" actId="2711"/>
          <ac:spMkLst>
            <pc:docMk/>
            <pc:sldMk cId="3261894410" sldId="411"/>
            <ac:spMk id="10" creationId="{B4F1B254-436E-44E6-AA94-0B407BD6A9DB}"/>
          </ac:spMkLst>
        </pc:spChg>
        <pc:spChg chg="mod">
          <ac:chgData name="NARH (Anna Rabocha)" userId="a5545e76-fda9-4675-921a-595f25aeea74" providerId="ADAL" clId="{58784CAC-3F5B-4CBF-97B1-8F96B55051C4}" dt="2023-09-16T16:04:51.833" v="159" actId="2711"/>
          <ac:spMkLst>
            <pc:docMk/>
            <pc:sldMk cId="3261894410" sldId="411"/>
            <ac:spMk id="11" creationId="{73B9626C-BA14-481F-A34D-086EA907DE48}"/>
          </ac:spMkLst>
        </pc:spChg>
        <pc:spChg chg="mod">
          <ac:chgData name="NARH (Anna Rabocha)" userId="a5545e76-fda9-4675-921a-595f25aeea74" providerId="ADAL" clId="{58784CAC-3F5B-4CBF-97B1-8F96B55051C4}" dt="2023-09-16T16:04:59.928" v="160" actId="2711"/>
          <ac:spMkLst>
            <pc:docMk/>
            <pc:sldMk cId="3261894410" sldId="411"/>
            <ac:spMk id="12" creationId="{78F550E8-4DBC-4E0C-8EFC-180327DCF600}"/>
          </ac:spMkLst>
        </pc:spChg>
        <pc:spChg chg="mod">
          <ac:chgData name="NARH (Anna Rabocha)" userId="a5545e76-fda9-4675-921a-595f25aeea74" providerId="ADAL" clId="{58784CAC-3F5B-4CBF-97B1-8F96B55051C4}" dt="2023-09-16T16:04:19.728" v="154" actId="2711"/>
          <ac:spMkLst>
            <pc:docMk/>
            <pc:sldMk cId="3261894410" sldId="411"/>
            <ac:spMk id="13" creationId="{83C8B1A8-4780-4AAB-B847-633C4EA845DB}"/>
          </ac:spMkLst>
        </pc:spChg>
        <pc:spChg chg="mod">
          <ac:chgData name="NARH (Anna Rabocha)" userId="a5545e76-fda9-4675-921a-595f25aeea74" providerId="ADAL" clId="{58784CAC-3F5B-4CBF-97B1-8F96B55051C4}" dt="2023-09-16T16:06:02.028" v="175" actId="6549"/>
          <ac:spMkLst>
            <pc:docMk/>
            <pc:sldMk cId="3261894410" sldId="411"/>
            <ac:spMk id="14" creationId="{12D34D2E-C824-412A-86F4-CB48E9D432F9}"/>
          </ac:spMkLst>
        </pc:spChg>
      </pc:sldChg>
      <pc:sldChg chg="addSp delSp modSp mod">
        <pc:chgData name="NARH (Anna Rabocha)" userId="a5545e76-fda9-4675-921a-595f25aeea74" providerId="ADAL" clId="{58784CAC-3F5B-4CBF-97B1-8F96B55051C4}" dt="2023-09-16T16:03:57.900" v="153" actId="1076"/>
        <pc:sldMkLst>
          <pc:docMk/>
          <pc:sldMk cId="3245849893" sldId="418"/>
        </pc:sldMkLst>
        <pc:spChg chg="del">
          <ac:chgData name="NARH (Anna Rabocha)" userId="a5545e76-fda9-4675-921a-595f25aeea74" providerId="ADAL" clId="{58784CAC-3F5B-4CBF-97B1-8F96B55051C4}" dt="2023-09-16T16:03:17.738" v="149" actId="478"/>
          <ac:spMkLst>
            <pc:docMk/>
            <pc:sldMk cId="3245849893" sldId="418"/>
            <ac:spMk id="2" creationId="{B8AC4B92-FB85-48A3-B258-0ED0573C306E}"/>
          </ac:spMkLst>
        </pc:spChg>
        <pc:spChg chg="mod">
          <ac:chgData name="NARH (Anna Rabocha)" userId="a5545e76-fda9-4675-921a-595f25aeea74" providerId="ADAL" clId="{58784CAC-3F5B-4CBF-97B1-8F96B55051C4}" dt="2023-09-16T16:03:10.086" v="147" actId="2711"/>
          <ac:spMkLst>
            <pc:docMk/>
            <pc:sldMk cId="3245849893" sldId="418"/>
            <ac:spMk id="6" creationId="{AB1990BB-CD4D-44C8-9B5B-65E42371AD65}"/>
          </ac:spMkLst>
        </pc:spChg>
        <pc:spChg chg="del">
          <ac:chgData name="NARH (Anna Rabocha)" userId="a5545e76-fda9-4675-921a-595f25aeea74" providerId="ADAL" clId="{58784CAC-3F5B-4CBF-97B1-8F96B55051C4}" dt="2023-09-16T16:03:19.255" v="150" actId="478"/>
          <ac:spMkLst>
            <pc:docMk/>
            <pc:sldMk cId="3245849893" sldId="418"/>
            <ac:spMk id="9" creationId="{AC683E0B-2B2E-47DF-B3AD-752DAEF48557}"/>
          </ac:spMkLst>
        </pc:spChg>
        <pc:spChg chg="mod">
          <ac:chgData name="NARH (Anna Rabocha)" userId="a5545e76-fda9-4675-921a-595f25aeea74" providerId="ADAL" clId="{58784CAC-3F5B-4CBF-97B1-8F96B55051C4}" dt="2023-09-16T16:03:03.727" v="146" actId="2711"/>
          <ac:spMkLst>
            <pc:docMk/>
            <pc:sldMk cId="3245849893" sldId="418"/>
            <ac:spMk id="10" creationId="{CE9B8DB2-B585-4E37-9376-8D3B034FE9AA}"/>
          </ac:spMkLst>
        </pc:spChg>
        <pc:picChg chg="add mod">
          <ac:chgData name="NARH (Anna Rabocha)" userId="a5545e76-fda9-4675-921a-595f25aeea74" providerId="ADAL" clId="{58784CAC-3F5B-4CBF-97B1-8F96B55051C4}" dt="2023-09-16T16:03:57.900" v="153" actId="1076"/>
          <ac:picMkLst>
            <pc:docMk/>
            <pc:sldMk cId="3245849893" sldId="418"/>
            <ac:picMk id="3" creationId="{D8EDE966-6191-9A29-7B5D-D7383682144A}"/>
          </ac:picMkLst>
        </pc:picChg>
        <pc:picChg chg="del">
          <ac:chgData name="NARH (Anna Rabocha)" userId="a5545e76-fda9-4675-921a-595f25aeea74" providerId="ADAL" clId="{58784CAC-3F5B-4CBF-97B1-8F96B55051C4}" dt="2023-09-16T16:03:14.682" v="148" actId="478"/>
          <ac:picMkLst>
            <pc:docMk/>
            <pc:sldMk cId="3245849893" sldId="418"/>
            <ac:picMk id="8" creationId="{D5D7DA39-468F-4B49-910E-ACD8D45E4E28}"/>
          </ac:picMkLst>
        </pc:picChg>
      </pc:sldChg>
      <pc:sldChg chg="modSp mod">
        <pc:chgData name="NARH (Anna Rabocha)" userId="a5545e76-fda9-4675-921a-595f25aeea74" providerId="ADAL" clId="{58784CAC-3F5B-4CBF-97B1-8F96B55051C4}" dt="2023-09-16T15:54:40.475" v="85" actId="14100"/>
        <pc:sldMkLst>
          <pc:docMk/>
          <pc:sldMk cId="1295546014" sldId="455"/>
        </pc:sldMkLst>
        <pc:spChg chg="mod">
          <ac:chgData name="NARH (Anna Rabocha)" userId="a5545e76-fda9-4675-921a-595f25aeea74" providerId="ADAL" clId="{58784CAC-3F5B-4CBF-97B1-8F96B55051C4}" dt="2023-09-16T15:54:40.475" v="85" actId="14100"/>
          <ac:spMkLst>
            <pc:docMk/>
            <pc:sldMk cId="1295546014" sldId="455"/>
            <ac:spMk id="2" creationId="{99A811EC-5C3E-43FA-A261-F9042973A2B8}"/>
          </ac:spMkLst>
        </pc:spChg>
      </pc:sldChg>
      <pc:sldChg chg="modSp mod">
        <pc:chgData name="NARH (Anna Rabocha)" userId="a5545e76-fda9-4675-921a-595f25aeea74" providerId="ADAL" clId="{58784CAC-3F5B-4CBF-97B1-8F96B55051C4}" dt="2023-09-16T15:55:42.512" v="87" actId="57"/>
        <pc:sldMkLst>
          <pc:docMk/>
          <pc:sldMk cId="1040221484" sldId="458"/>
        </pc:sldMkLst>
        <pc:spChg chg="mod">
          <ac:chgData name="NARH (Anna Rabocha)" userId="a5545e76-fda9-4675-921a-595f25aeea74" providerId="ADAL" clId="{58784CAC-3F5B-4CBF-97B1-8F96B55051C4}" dt="2023-09-16T15:55:42.512" v="87" actId="57"/>
          <ac:spMkLst>
            <pc:docMk/>
            <pc:sldMk cId="1040221484" sldId="458"/>
            <ac:spMk id="2" creationId="{81656911-1D96-4F96-8D90-CF5CF9B5611D}"/>
          </ac:spMkLst>
        </pc:spChg>
      </pc:sldChg>
      <pc:sldChg chg="modSp mod">
        <pc:chgData name="NARH (Anna Rabocha)" userId="a5545e76-fda9-4675-921a-595f25aeea74" providerId="ADAL" clId="{58784CAC-3F5B-4CBF-97B1-8F96B55051C4}" dt="2023-09-16T15:58:58.517" v="94" actId="2711"/>
        <pc:sldMkLst>
          <pc:docMk/>
          <pc:sldMk cId="628445125" sldId="459"/>
        </pc:sldMkLst>
        <pc:spChg chg="mod">
          <ac:chgData name="NARH (Anna Rabocha)" userId="a5545e76-fda9-4675-921a-595f25aeea74" providerId="ADAL" clId="{58784CAC-3F5B-4CBF-97B1-8F96B55051C4}" dt="2023-09-16T15:58:58.517" v="94" actId="2711"/>
          <ac:spMkLst>
            <pc:docMk/>
            <pc:sldMk cId="628445125" sldId="459"/>
            <ac:spMk id="6" creationId="{829B9A37-634C-4809-BD49-D697F6AB060F}"/>
          </ac:spMkLst>
        </pc:spChg>
        <pc:spChg chg="mod">
          <ac:chgData name="NARH (Anna Rabocha)" userId="a5545e76-fda9-4675-921a-595f25aeea74" providerId="ADAL" clId="{58784CAC-3F5B-4CBF-97B1-8F96B55051C4}" dt="2023-09-16T15:57:32.199" v="92" actId="2711"/>
          <ac:spMkLst>
            <pc:docMk/>
            <pc:sldMk cId="628445125" sldId="459"/>
            <ac:spMk id="9" creationId="{CACF0C3B-2110-4E0A-9691-84A2618F7B97}"/>
          </ac:spMkLst>
        </pc:spChg>
        <pc:spChg chg="mod">
          <ac:chgData name="NARH (Anna Rabocha)" userId="a5545e76-fda9-4675-921a-595f25aeea74" providerId="ADAL" clId="{58784CAC-3F5B-4CBF-97B1-8F96B55051C4}" dt="2023-09-16T15:57:41.762" v="93" actId="2711"/>
          <ac:spMkLst>
            <pc:docMk/>
            <pc:sldMk cId="628445125" sldId="459"/>
            <ac:spMk id="11" creationId="{758CB4C2-B0BE-4AA9-B11B-C5A9539E0418}"/>
          </ac:spMkLst>
        </pc:spChg>
      </pc:sldChg>
      <pc:sldChg chg="modSp mod">
        <pc:chgData name="NARH (Anna Rabocha)" userId="a5545e76-fda9-4675-921a-595f25aeea74" providerId="ADAL" clId="{58784CAC-3F5B-4CBF-97B1-8F96B55051C4}" dt="2023-09-16T15:55:02.731" v="86"/>
        <pc:sldMkLst>
          <pc:docMk/>
          <pc:sldMk cId="319302502" sldId="504"/>
        </pc:sldMkLst>
        <pc:spChg chg="mod">
          <ac:chgData name="NARH (Anna Rabocha)" userId="a5545e76-fda9-4675-921a-595f25aeea74" providerId="ADAL" clId="{58784CAC-3F5B-4CBF-97B1-8F96B55051C4}" dt="2023-09-16T15:55:02.731" v="86"/>
          <ac:spMkLst>
            <pc:docMk/>
            <pc:sldMk cId="319302502" sldId="504"/>
            <ac:spMk id="59394" creationId="{00000000-0000-0000-0000-000000000000}"/>
          </ac:spMkLst>
        </pc:spChg>
      </pc:sldChg>
      <pc:sldChg chg="del">
        <pc:chgData name="NARH (Anna Rabocha)" userId="a5545e76-fda9-4675-921a-595f25aeea74" providerId="ADAL" clId="{58784CAC-3F5B-4CBF-97B1-8F96B55051C4}" dt="2023-09-16T15:57:16.381" v="91" actId="47"/>
        <pc:sldMkLst>
          <pc:docMk/>
          <pc:sldMk cId="2190627652" sldId="505"/>
        </pc:sldMkLst>
      </pc:sldChg>
      <pc:sldChg chg="modSp mod">
        <pc:chgData name="NARH (Anna Rabocha)" userId="a5545e76-fda9-4675-921a-595f25aeea74" providerId="ADAL" clId="{58784CAC-3F5B-4CBF-97B1-8F96B55051C4}" dt="2023-09-16T16:00:34.552" v="109" actId="114"/>
        <pc:sldMkLst>
          <pc:docMk/>
          <pc:sldMk cId="1230044369" sldId="506"/>
        </pc:sldMkLst>
        <pc:spChg chg="mod">
          <ac:chgData name="NARH (Anna Rabocha)" userId="a5545e76-fda9-4675-921a-595f25aeea74" providerId="ADAL" clId="{58784CAC-3F5B-4CBF-97B1-8F96B55051C4}" dt="2023-09-16T16:00:34.552" v="109" actId="114"/>
          <ac:spMkLst>
            <pc:docMk/>
            <pc:sldMk cId="1230044369" sldId="506"/>
            <ac:spMk id="2" creationId="{B67D9A62-E5A5-BFA8-AEF5-1A6DB47CD149}"/>
          </ac:spMkLst>
        </pc:spChg>
        <pc:spChg chg="mod">
          <ac:chgData name="NARH (Anna Rabocha)" userId="a5545e76-fda9-4675-921a-595f25aeea74" providerId="ADAL" clId="{58784CAC-3F5B-4CBF-97B1-8F96B55051C4}" dt="2023-09-16T16:00:13.392" v="106" actId="1076"/>
          <ac:spMkLst>
            <pc:docMk/>
            <pc:sldMk cId="1230044369" sldId="506"/>
            <ac:spMk id="3" creationId="{5277A390-0776-CAAE-6783-FADCFC9284D6}"/>
          </ac:spMkLst>
        </pc:spChg>
      </pc:sldChg>
      <pc:sldChg chg="modSp mod">
        <pc:chgData name="NARH (Anna Rabocha)" userId="a5545e76-fda9-4675-921a-595f25aeea74" providerId="ADAL" clId="{58784CAC-3F5B-4CBF-97B1-8F96B55051C4}" dt="2023-09-16T16:01:10.277" v="135" actId="20577"/>
        <pc:sldMkLst>
          <pc:docMk/>
          <pc:sldMk cId="2563009507" sldId="507"/>
        </pc:sldMkLst>
        <pc:spChg chg="mod">
          <ac:chgData name="NARH (Anna Rabocha)" userId="a5545e76-fda9-4675-921a-595f25aeea74" providerId="ADAL" clId="{58784CAC-3F5B-4CBF-97B1-8F96B55051C4}" dt="2023-09-16T16:00:50.798" v="113" actId="20577"/>
          <ac:spMkLst>
            <pc:docMk/>
            <pc:sldMk cId="2563009507" sldId="507"/>
            <ac:spMk id="2" creationId="{5C5FD9ED-CBFA-D66D-624F-FFF725A59899}"/>
          </ac:spMkLst>
        </pc:spChg>
        <pc:spChg chg="mod">
          <ac:chgData name="NARH (Anna Rabocha)" userId="a5545e76-fda9-4675-921a-595f25aeea74" providerId="ADAL" clId="{58784CAC-3F5B-4CBF-97B1-8F96B55051C4}" dt="2023-09-16T16:00:28.956" v="108" actId="2711"/>
          <ac:spMkLst>
            <pc:docMk/>
            <pc:sldMk cId="2563009507" sldId="507"/>
            <ac:spMk id="7" creationId="{85F1661E-706F-3DAA-A0A4-E7683CFA26DC}"/>
          </ac:spMkLst>
        </pc:spChg>
        <pc:spChg chg="mod">
          <ac:chgData name="NARH (Anna Rabocha)" userId="a5545e76-fda9-4675-921a-595f25aeea74" providerId="ADAL" clId="{58784CAC-3F5B-4CBF-97B1-8F96B55051C4}" dt="2023-09-16T16:01:10.277" v="135" actId="20577"/>
          <ac:spMkLst>
            <pc:docMk/>
            <pc:sldMk cId="2563009507" sldId="507"/>
            <ac:spMk id="8" creationId="{CEC92787-0E55-FB25-D45A-E29D2A1BC6B5}"/>
          </ac:spMkLst>
        </pc:spChg>
      </pc:sldChg>
    </pc:docChg>
  </pc:docChgLst>
  <pc:docChgLst>
    <pc:chgData name="NARH (Anna Rabocha)" userId="a5545e76-fda9-4675-921a-595f25aeea74" providerId="ADAL" clId="{8810201F-4A68-47D2-BC2F-80224C5C6190}"/>
    <pc:docChg chg="custSel addSld delSld modSld">
      <pc:chgData name="NARH (Anna Rabocha)" userId="a5545e76-fda9-4675-921a-595f25aeea74" providerId="ADAL" clId="{8810201F-4A68-47D2-BC2F-80224C5C6190}" dt="2020-04-30T10:01:34.092" v="77" actId="27636"/>
      <pc:docMkLst>
        <pc:docMk/>
      </pc:docMkLst>
      <pc:sldChg chg="delSp modSp">
        <pc:chgData name="NARH (Anna Rabocha)" userId="a5545e76-fda9-4675-921a-595f25aeea74" providerId="ADAL" clId="{8810201F-4A68-47D2-BC2F-80224C5C6190}" dt="2020-04-30T09:36:39.627" v="15" actId="478"/>
        <pc:sldMkLst>
          <pc:docMk/>
          <pc:sldMk cId="2101561391" sldId="460"/>
        </pc:sldMkLst>
        <pc:spChg chg="mod">
          <ac:chgData name="NARH (Anna Rabocha)" userId="a5545e76-fda9-4675-921a-595f25aeea74" providerId="ADAL" clId="{8810201F-4A68-47D2-BC2F-80224C5C6190}" dt="2020-04-30T09:36:35.578" v="14" actId="20577"/>
          <ac:spMkLst>
            <pc:docMk/>
            <pc:sldMk cId="2101561391" sldId="460"/>
            <ac:spMk id="2" creationId="{99A811EC-5C3E-43FA-A261-F9042973A2B8}"/>
          </ac:spMkLst>
        </pc:spChg>
        <pc:spChg chg="del mod">
          <ac:chgData name="NARH (Anna Rabocha)" userId="a5545e76-fda9-4675-921a-595f25aeea74" providerId="ADAL" clId="{8810201F-4A68-47D2-BC2F-80224C5C6190}" dt="2020-04-30T09:36:39.627" v="15" actId="478"/>
          <ac:spMkLst>
            <pc:docMk/>
            <pc:sldMk cId="2101561391" sldId="460"/>
            <ac:spMk id="3" creationId="{A975643E-1DFE-4DC9-AF23-B08E216877C1}"/>
          </ac:spMkLst>
        </pc:spChg>
      </pc:sldChg>
      <pc:sldChg chg="add del">
        <pc:chgData name="NARH (Anna Rabocha)" userId="a5545e76-fda9-4675-921a-595f25aeea74" providerId="ADAL" clId="{8810201F-4A68-47D2-BC2F-80224C5C6190}" dt="2020-04-30T09:36:22.762" v="3"/>
        <pc:sldMkLst>
          <pc:docMk/>
          <pc:sldMk cId="2406957329" sldId="460"/>
        </pc:sldMkLst>
      </pc:sldChg>
      <pc:sldChg chg="add del">
        <pc:chgData name="NARH (Anna Rabocha)" userId="a5545e76-fda9-4675-921a-595f25aeea74" providerId="ADAL" clId="{8810201F-4A68-47D2-BC2F-80224C5C6190}" dt="2020-04-30T09:36:13.592" v="1" actId="2696"/>
        <pc:sldMkLst>
          <pc:docMk/>
          <pc:sldMk cId="3977329180" sldId="460"/>
        </pc:sldMkLst>
      </pc:sldChg>
      <pc:sldChg chg="modSp add">
        <pc:chgData name="NARH (Anna Rabocha)" userId="a5545e76-fda9-4675-921a-595f25aeea74" providerId="ADAL" clId="{8810201F-4A68-47D2-BC2F-80224C5C6190}" dt="2020-04-30T10:01:34.092" v="77" actId="27636"/>
        <pc:sldMkLst>
          <pc:docMk/>
          <pc:sldMk cId="4181502732" sldId="461"/>
        </pc:sldMkLst>
        <pc:spChg chg="mod">
          <ac:chgData name="NARH (Anna Rabocha)" userId="a5545e76-fda9-4675-921a-595f25aeea74" providerId="ADAL" clId="{8810201F-4A68-47D2-BC2F-80224C5C6190}" dt="2020-04-30T10:01:34.092" v="77" actId="27636"/>
          <ac:spMkLst>
            <pc:docMk/>
            <pc:sldMk cId="4181502732" sldId="461"/>
            <ac:spMk id="2" creationId="{6B7CA565-6148-41F1-885D-DE2019220353}"/>
          </ac:spMkLst>
        </pc:spChg>
        <pc:spChg chg="mod">
          <ac:chgData name="NARH (Anna Rabocha)" userId="a5545e76-fda9-4675-921a-595f25aeea74" providerId="ADAL" clId="{8810201F-4A68-47D2-BC2F-80224C5C6190}" dt="2020-04-30T09:59:23.155" v="25" actId="20577"/>
          <ac:spMkLst>
            <pc:docMk/>
            <pc:sldMk cId="4181502732" sldId="461"/>
            <ac:spMk id="3" creationId="{5EA49C91-4F68-43A4-8190-B7C4426BB200}"/>
          </ac:spMkLst>
        </pc:spChg>
      </pc:sldChg>
    </pc:docChg>
  </pc:docChgLst>
  <pc:docChgLst>
    <pc:chgData name="NARH (Anna Rabocha)" userId="a5545e76-fda9-4675-921a-595f25aeea74" providerId="ADAL" clId="{09CA476A-1298-4B1B-A0B1-176F20F8A4FD}"/>
    <pc:docChg chg="delSld">
      <pc:chgData name="NARH (Anna Rabocha)" userId="a5545e76-fda9-4675-921a-595f25aeea74" providerId="ADAL" clId="{09CA476A-1298-4B1B-A0B1-176F20F8A4FD}" dt="2021-03-18T07:57:08.069" v="0" actId="2696"/>
      <pc:docMkLst>
        <pc:docMk/>
      </pc:docMkLst>
      <pc:sldChg chg="del">
        <pc:chgData name="NARH (Anna Rabocha)" userId="a5545e76-fda9-4675-921a-595f25aeea74" providerId="ADAL" clId="{09CA476A-1298-4B1B-A0B1-176F20F8A4FD}" dt="2021-03-18T07:57:08.069" v="0" actId="2696"/>
        <pc:sldMkLst>
          <pc:docMk/>
          <pc:sldMk cId="280944370" sldId="460"/>
        </pc:sldMkLst>
      </pc:sldChg>
    </pc:docChg>
  </pc:docChgLst>
  <pc:docChgLst>
    <pc:chgData name="NARH (Anna Rabocha)" userId="a5545e76-fda9-4675-921a-595f25aeea74" providerId="ADAL" clId="{E443085F-FF20-4AF6-9DB9-0501AF61DC8D}"/>
    <pc:docChg chg="undo custSel addSld delSld modSld">
      <pc:chgData name="NARH (Anna Rabocha)" userId="a5545e76-fda9-4675-921a-595f25aeea74" providerId="ADAL" clId="{E443085F-FF20-4AF6-9DB9-0501AF61DC8D}" dt="2021-01-18T15:37:51.833" v="121" actId="1076"/>
      <pc:docMkLst>
        <pc:docMk/>
      </pc:docMkLst>
      <pc:sldChg chg="modSp del">
        <pc:chgData name="NARH (Anna Rabocha)" userId="a5545e76-fda9-4675-921a-595f25aeea74" providerId="ADAL" clId="{E443085F-FF20-4AF6-9DB9-0501AF61DC8D}" dt="2021-01-18T14:56:31.507" v="111" actId="2696"/>
        <pc:sldMkLst>
          <pc:docMk/>
          <pc:sldMk cId="3387186407" sldId="457"/>
        </pc:sldMkLst>
        <pc:spChg chg="mod">
          <ac:chgData name="NARH (Anna Rabocha)" userId="a5545e76-fda9-4675-921a-595f25aeea74" providerId="ADAL" clId="{E443085F-FF20-4AF6-9DB9-0501AF61DC8D}" dt="2021-01-18T14:30:10.437" v="16" actId="6549"/>
          <ac:spMkLst>
            <pc:docMk/>
            <pc:sldMk cId="3387186407" sldId="457"/>
            <ac:spMk id="2" creationId="{4DB91C7A-AC16-4E58-B949-CE511C5686DD}"/>
          </ac:spMkLst>
        </pc:spChg>
      </pc:sldChg>
      <pc:sldChg chg="modSp">
        <pc:chgData name="NARH (Anna Rabocha)" userId="a5545e76-fda9-4675-921a-595f25aeea74" providerId="ADAL" clId="{E443085F-FF20-4AF6-9DB9-0501AF61DC8D}" dt="2021-01-18T14:21:52.671" v="1" actId="20577"/>
        <pc:sldMkLst>
          <pc:docMk/>
          <pc:sldMk cId="280944370" sldId="460"/>
        </pc:sldMkLst>
        <pc:spChg chg="mod">
          <ac:chgData name="NARH (Anna Rabocha)" userId="a5545e76-fda9-4675-921a-595f25aeea74" providerId="ADAL" clId="{E443085F-FF20-4AF6-9DB9-0501AF61DC8D}" dt="2021-01-18T14:21:52.671" v="1" actId="20577"/>
          <ac:spMkLst>
            <pc:docMk/>
            <pc:sldMk cId="280944370" sldId="460"/>
            <ac:spMk id="8" creationId="{2FCE0703-64DC-410C-AA79-CF2DEBE0F5D0}"/>
          </ac:spMkLst>
        </pc:spChg>
      </pc:sldChg>
      <pc:sldChg chg="delSp modSp">
        <pc:chgData name="NARH (Anna Rabocha)" userId="a5545e76-fda9-4675-921a-595f25aeea74" providerId="ADAL" clId="{E443085F-FF20-4AF6-9DB9-0501AF61DC8D}" dt="2021-01-18T14:55:39.600" v="110" actId="20577"/>
        <pc:sldMkLst>
          <pc:docMk/>
          <pc:sldMk cId="319302502" sldId="504"/>
        </pc:sldMkLst>
        <pc:spChg chg="mod">
          <ac:chgData name="NARH (Anna Rabocha)" userId="a5545e76-fda9-4675-921a-595f25aeea74" providerId="ADAL" clId="{E443085F-FF20-4AF6-9DB9-0501AF61DC8D}" dt="2021-01-18T14:55:11.207" v="104" actId="20577"/>
          <ac:spMkLst>
            <pc:docMk/>
            <pc:sldMk cId="319302502" sldId="504"/>
            <ac:spMk id="6" creationId="{00000000-0000-0000-0000-000000000000}"/>
          </ac:spMkLst>
        </pc:spChg>
        <pc:spChg chg="mod">
          <ac:chgData name="NARH (Anna Rabocha)" userId="a5545e76-fda9-4675-921a-595f25aeea74" providerId="ADAL" clId="{E443085F-FF20-4AF6-9DB9-0501AF61DC8D}" dt="2021-01-18T14:52:55.422" v="71" actId="20577"/>
          <ac:spMkLst>
            <pc:docMk/>
            <pc:sldMk cId="319302502" sldId="504"/>
            <ac:spMk id="9" creationId="{00000000-0000-0000-0000-000000000000}"/>
          </ac:spMkLst>
        </pc:spChg>
        <pc:spChg chg="del">
          <ac:chgData name="NARH (Anna Rabocha)" userId="a5545e76-fda9-4675-921a-595f25aeea74" providerId="ADAL" clId="{E443085F-FF20-4AF6-9DB9-0501AF61DC8D}" dt="2021-01-18T14:55:32.198" v="107" actId="478"/>
          <ac:spMkLst>
            <pc:docMk/>
            <pc:sldMk cId="319302502" sldId="504"/>
            <ac:spMk id="13" creationId="{00000000-0000-0000-0000-000000000000}"/>
          </ac:spMkLst>
        </pc:spChg>
        <pc:spChg chg="del">
          <ac:chgData name="NARH (Anna Rabocha)" userId="a5545e76-fda9-4675-921a-595f25aeea74" providerId="ADAL" clId="{E443085F-FF20-4AF6-9DB9-0501AF61DC8D}" dt="2021-01-18T14:29:31.859" v="2" actId="478"/>
          <ac:spMkLst>
            <pc:docMk/>
            <pc:sldMk cId="319302502" sldId="504"/>
            <ac:spMk id="14" creationId="{00000000-0000-0000-0000-000000000000}"/>
          </ac:spMkLst>
        </pc:spChg>
        <pc:spChg chg="mod">
          <ac:chgData name="NARH (Anna Rabocha)" userId="a5545e76-fda9-4675-921a-595f25aeea74" providerId="ADAL" clId="{E443085F-FF20-4AF6-9DB9-0501AF61DC8D}" dt="2021-01-18T14:30:49.888" v="23" actId="20577"/>
          <ac:spMkLst>
            <pc:docMk/>
            <pc:sldMk cId="319302502" sldId="504"/>
            <ac:spMk id="21" creationId="{00000000-0000-0000-0000-000000000000}"/>
          </ac:spMkLst>
        </pc:spChg>
        <pc:spChg chg="mod">
          <ac:chgData name="NARH (Anna Rabocha)" userId="a5545e76-fda9-4675-921a-595f25aeea74" providerId="ADAL" clId="{E443085F-FF20-4AF6-9DB9-0501AF61DC8D}" dt="2021-01-18T14:55:24.280" v="106" actId="20577"/>
          <ac:spMkLst>
            <pc:docMk/>
            <pc:sldMk cId="319302502" sldId="504"/>
            <ac:spMk id="27" creationId="{00000000-0000-0000-0000-000000000000}"/>
          </ac:spMkLst>
        </pc:spChg>
        <pc:spChg chg="mod">
          <ac:chgData name="NARH (Anna Rabocha)" userId="a5545e76-fda9-4675-921a-595f25aeea74" providerId="ADAL" clId="{E443085F-FF20-4AF6-9DB9-0501AF61DC8D}" dt="2021-01-18T14:55:39.600" v="110" actId="20577"/>
          <ac:spMkLst>
            <pc:docMk/>
            <pc:sldMk cId="319302502" sldId="504"/>
            <ac:spMk id="59394" creationId="{00000000-0000-0000-0000-000000000000}"/>
          </ac:spMkLst>
        </pc:spChg>
        <pc:picChg chg="mod">
          <ac:chgData name="NARH (Anna Rabocha)" userId="a5545e76-fda9-4675-921a-595f25aeea74" providerId="ADAL" clId="{E443085F-FF20-4AF6-9DB9-0501AF61DC8D}" dt="2021-01-18T14:30:37.198" v="21" actId="14100"/>
          <ac:picMkLst>
            <pc:docMk/>
            <pc:sldMk cId="319302502" sldId="504"/>
            <ac:picMk id="25" creationId="{00000000-0000-0000-0000-000000000000}"/>
          </ac:picMkLst>
        </pc:picChg>
      </pc:sldChg>
      <pc:sldChg chg="addSp delSp modSp add">
        <pc:chgData name="NARH (Anna Rabocha)" userId="a5545e76-fda9-4675-921a-595f25aeea74" providerId="ADAL" clId="{E443085F-FF20-4AF6-9DB9-0501AF61DC8D}" dt="2021-01-18T15:37:51.833" v="121" actId="1076"/>
        <pc:sldMkLst>
          <pc:docMk/>
          <pc:sldMk cId="2190627652" sldId="505"/>
        </pc:sldMkLst>
        <pc:spChg chg="del">
          <ac:chgData name="NARH (Anna Rabocha)" userId="a5545e76-fda9-4675-921a-595f25aeea74" providerId="ADAL" clId="{E443085F-FF20-4AF6-9DB9-0501AF61DC8D}" dt="2021-01-18T15:34:01.022" v="113"/>
          <ac:spMkLst>
            <pc:docMk/>
            <pc:sldMk cId="2190627652" sldId="505"/>
            <ac:spMk id="2" creationId="{30DE272D-70A5-46BE-9142-1F02C01B05A6}"/>
          </ac:spMkLst>
        </pc:spChg>
        <pc:spChg chg="add del mod">
          <ac:chgData name="NARH (Anna Rabocha)" userId="a5545e76-fda9-4675-921a-595f25aeea74" providerId="ADAL" clId="{E443085F-FF20-4AF6-9DB9-0501AF61DC8D}" dt="2021-01-18T15:37:48.142" v="119" actId="478"/>
          <ac:spMkLst>
            <pc:docMk/>
            <pc:sldMk cId="2190627652" sldId="505"/>
            <ac:spMk id="9" creationId="{897A4EB5-EEF5-4BA7-9FE2-7B22BB050C2B}"/>
          </ac:spMkLst>
        </pc:spChg>
        <pc:picChg chg="add del mod">
          <ac:chgData name="NARH (Anna Rabocha)" userId="a5545e76-fda9-4675-921a-595f25aeea74" providerId="ADAL" clId="{E443085F-FF20-4AF6-9DB9-0501AF61DC8D}" dt="2021-01-18T15:34:16.335" v="118" actId="478"/>
          <ac:picMkLst>
            <pc:docMk/>
            <pc:sldMk cId="2190627652" sldId="505"/>
            <ac:picMk id="7" creationId="{0D34DEA0-62C2-430C-92AB-AE87F4D94F29}"/>
          </ac:picMkLst>
        </pc:picChg>
        <pc:picChg chg="add mod">
          <ac:chgData name="NARH (Anna Rabocha)" userId="a5545e76-fda9-4675-921a-595f25aeea74" providerId="ADAL" clId="{E443085F-FF20-4AF6-9DB9-0501AF61DC8D}" dt="2021-01-18T15:37:51.833" v="121" actId="1076"/>
          <ac:picMkLst>
            <pc:docMk/>
            <pc:sldMk cId="2190627652" sldId="505"/>
            <ac:picMk id="10" creationId="{C7B61958-1B58-4A22-8027-DDB6F239BAC5}"/>
          </ac:picMkLst>
        </pc:picChg>
      </pc:sldChg>
    </pc:docChg>
  </pc:docChgLst>
  <pc:docChgLst>
    <pc:chgData name="NTVO (Nataliia Voit)" userId="01ae90a9-d763-4ba6-a5af-ea0941125510" providerId="ADAL" clId="{C0C8473D-9A63-4724-A1F6-3939106CA786}"/>
    <pc:docChg chg="modSld">
      <pc:chgData name="NTVO (Nataliia Voit)" userId="01ae90a9-d763-4ba6-a5af-ea0941125510" providerId="ADAL" clId="{C0C8473D-9A63-4724-A1F6-3939106CA786}" dt="2020-03-18T14:11:15.155" v="0" actId="1076"/>
      <pc:docMkLst>
        <pc:docMk/>
      </pc:docMkLst>
    </pc:docChg>
  </pc:docChgLst>
  <pc:docChgLst>
    <pc:chgData name="NARH (Anna Rabocha)" userId="a5545e76-fda9-4675-921a-595f25aeea74" providerId="ADAL" clId="{31377354-D8F9-4472-8AB8-26A7EA3818A1}"/>
    <pc:docChg chg="undo modSld">
      <pc:chgData name="NARH (Anna Rabocha)" userId="a5545e76-fda9-4675-921a-595f25aeea74" providerId="ADAL" clId="{31377354-D8F9-4472-8AB8-26A7EA3818A1}" dt="2020-08-26T19:19:53.600" v="54"/>
      <pc:docMkLst>
        <pc:docMk/>
      </pc:docMkLst>
      <pc:sldChg chg="modTransition">
        <pc:chgData name="NARH (Anna Rabocha)" userId="a5545e76-fda9-4675-921a-595f25aeea74" providerId="ADAL" clId="{31377354-D8F9-4472-8AB8-26A7EA3818A1}" dt="2020-08-26T19:19:48.892" v="53"/>
        <pc:sldMkLst>
          <pc:docMk/>
          <pc:sldMk cId="3245849893" sldId="418"/>
        </pc:sldMkLst>
      </pc:sldChg>
      <pc:sldChg chg="modSp">
        <pc:chgData name="NARH (Anna Rabocha)" userId="a5545e76-fda9-4675-921a-595f25aeea74" providerId="ADAL" clId="{31377354-D8F9-4472-8AB8-26A7EA3818A1}" dt="2020-08-26T19:18:48.391" v="51" actId="20577"/>
        <pc:sldMkLst>
          <pc:docMk/>
          <pc:sldMk cId="1040221484" sldId="458"/>
        </pc:sldMkLst>
        <pc:spChg chg="mod">
          <ac:chgData name="NARH (Anna Rabocha)" userId="a5545e76-fda9-4675-921a-595f25aeea74" providerId="ADAL" clId="{31377354-D8F9-4472-8AB8-26A7EA3818A1}" dt="2020-08-26T19:18:48.391" v="51" actId="20577"/>
          <ac:spMkLst>
            <pc:docMk/>
            <pc:sldMk cId="1040221484" sldId="458"/>
            <ac:spMk id="2" creationId="{81656911-1D96-4F96-8D90-CF5CF9B5611D}"/>
          </ac:spMkLst>
        </pc:spChg>
      </pc:sldChg>
      <pc:sldChg chg="modTransition">
        <pc:chgData name="NARH (Anna Rabocha)" userId="a5545e76-fda9-4675-921a-595f25aeea74" providerId="ADAL" clId="{31377354-D8F9-4472-8AB8-26A7EA3818A1}" dt="2020-08-26T19:19:27.621" v="52"/>
        <pc:sldMkLst>
          <pc:docMk/>
          <pc:sldMk cId="2101561391" sldId="460"/>
        </pc:sldMkLst>
      </pc:sldChg>
      <pc:sldChg chg="modTransition">
        <pc:chgData name="NARH (Anna Rabocha)" userId="a5545e76-fda9-4675-921a-595f25aeea74" providerId="ADAL" clId="{31377354-D8F9-4472-8AB8-26A7EA3818A1}" dt="2020-08-26T19:19:53.600" v="54"/>
        <pc:sldMkLst>
          <pc:docMk/>
          <pc:sldMk cId="4181502732" sldId="461"/>
        </pc:sldMkLst>
      </pc:sldChg>
    </pc:docChg>
  </pc:docChgLst>
  <pc:docChgLst>
    <pc:chgData name="NARH (Anna Rabocha)" userId="a5545e76-fda9-4675-921a-595f25aeea74" providerId="ADAL" clId="{91421113-C52E-4930-AA4A-3F040E0A69E5}"/>
    <pc:docChg chg="delSld modSld">
      <pc:chgData name="NARH (Anna Rabocha)" userId="a5545e76-fda9-4675-921a-595f25aeea74" providerId="ADAL" clId="{91421113-C52E-4930-AA4A-3F040E0A69E5}" dt="2020-09-15T10:16:17.593" v="2" actId="2696"/>
      <pc:docMkLst>
        <pc:docMk/>
      </pc:docMkLst>
      <pc:sldChg chg="modTransition">
        <pc:chgData name="NARH (Anna Rabocha)" userId="a5545e76-fda9-4675-921a-595f25aeea74" providerId="ADAL" clId="{91421113-C52E-4930-AA4A-3F040E0A69E5}" dt="2020-09-15T10:16:10.529" v="0"/>
        <pc:sldMkLst>
          <pc:docMk/>
          <pc:sldMk cId="3245849893" sldId="418"/>
        </pc:sldMkLst>
      </pc:sldChg>
      <pc:sldChg chg="del">
        <pc:chgData name="NARH (Anna Rabocha)" userId="a5545e76-fda9-4675-921a-595f25aeea74" providerId="ADAL" clId="{91421113-C52E-4930-AA4A-3F040E0A69E5}" dt="2020-09-15T10:16:16.052" v="1" actId="2696"/>
        <pc:sldMkLst>
          <pc:docMk/>
          <pc:sldMk cId="2101561391" sldId="460"/>
        </pc:sldMkLst>
      </pc:sldChg>
      <pc:sldChg chg="del">
        <pc:chgData name="NARH (Anna Rabocha)" userId="a5545e76-fda9-4675-921a-595f25aeea74" providerId="ADAL" clId="{91421113-C52E-4930-AA4A-3F040E0A69E5}" dt="2020-09-15T10:16:17.593" v="2" actId="2696"/>
        <pc:sldMkLst>
          <pc:docMk/>
          <pc:sldMk cId="4181502732" sldId="461"/>
        </pc:sldMkLst>
      </pc:sldChg>
    </pc:docChg>
  </pc:docChgLst>
  <pc:docChgLst>
    <pc:chgData name="NARH (Anna Rabocha)" userId="a5545e76-fda9-4675-921a-595f25aeea74" providerId="ADAL" clId="{247EED82-E09A-4312-AC47-446A4D2304A0}"/>
    <pc:docChg chg="custSel addSld modSld">
      <pc:chgData name="NARH (Anna Rabocha)" userId="a5545e76-fda9-4675-921a-595f25aeea74" providerId="ADAL" clId="{247EED82-E09A-4312-AC47-446A4D2304A0}" dt="2023-06-16T12:59:06.302" v="387"/>
      <pc:docMkLst>
        <pc:docMk/>
      </pc:docMkLst>
      <pc:sldChg chg="addSp delSp modSp mod">
        <pc:chgData name="NARH (Anna Rabocha)" userId="a5545e76-fda9-4675-921a-595f25aeea74" providerId="ADAL" clId="{247EED82-E09A-4312-AC47-446A4D2304A0}" dt="2023-06-16T12:41:51.951" v="167" actId="20577"/>
        <pc:sldMkLst>
          <pc:docMk/>
          <pc:sldMk cId="262338442" sldId="280"/>
        </pc:sldMkLst>
        <pc:spChg chg="add del">
          <ac:chgData name="NARH (Anna Rabocha)" userId="a5545e76-fda9-4675-921a-595f25aeea74" providerId="ADAL" clId="{247EED82-E09A-4312-AC47-446A4D2304A0}" dt="2023-06-16T12:37:00.676" v="150"/>
          <ac:spMkLst>
            <pc:docMk/>
            <pc:sldMk cId="262338442" sldId="280"/>
            <ac:spMk id="3" creationId="{14E8D89E-C5DA-A14D-0D1F-B01DB42F9D34}"/>
          </ac:spMkLst>
        </pc:spChg>
        <pc:spChg chg="mod">
          <ac:chgData name="NARH (Anna Rabocha)" userId="a5545e76-fda9-4675-921a-595f25aeea74" providerId="ADAL" clId="{247EED82-E09A-4312-AC47-446A4D2304A0}" dt="2023-06-16T12:37:27.543" v="156" actId="20577"/>
          <ac:spMkLst>
            <pc:docMk/>
            <pc:sldMk cId="262338442" sldId="280"/>
            <ac:spMk id="8" creationId="{2FCE0703-64DC-410C-AA79-CF2DEBE0F5D0}"/>
          </ac:spMkLst>
        </pc:spChg>
        <pc:spChg chg="mod">
          <ac:chgData name="NARH (Anna Rabocha)" userId="a5545e76-fda9-4675-921a-595f25aeea74" providerId="ADAL" clId="{247EED82-E09A-4312-AC47-446A4D2304A0}" dt="2023-06-16T12:41:51.951" v="167" actId="20577"/>
          <ac:spMkLst>
            <pc:docMk/>
            <pc:sldMk cId="262338442" sldId="280"/>
            <ac:spMk id="11" creationId="{B7ADCD01-AEB7-4A78-A1BD-3C0A88D8E458}"/>
          </ac:spMkLst>
        </pc:spChg>
      </pc:sldChg>
      <pc:sldChg chg="modSp mod">
        <pc:chgData name="NARH (Anna Rabocha)" userId="a5545e76-fda9-4675-921a-595f25aeea74" providerId="ADAL" clId="{247EED82-E09A-4312-AC47-446A4D2304A0}" dt="2023-06-16T12:43:16.313" v="197" actId="20577"/>
        <pc:sldMkLst>
          <pc:docMk/>
          <pc:sldMk cId="72210228" sldId="405"/>
        </pc:sldMkLst>
        <pc:spChg chg="mod">
          <ac:chgData name="NARH (Anna Rabocha)" userId="a5545e76-fda9-4675-921a-595f25aeea74" providerId="ADAL" clId="{247EED82-E09A-4312-AC47-446A4D2304A0}" dt="2023-06-16T12:42:35.118" v="181" actId="27636"/>
          <ac:spMkLst>
            <pc:docMk/>
            <pc:sldMk cId="72210228" sldId="405"/>
            <ac:spMk id="2" creationId="{81656911-1D96-4F96-8D90-CF5CF9B5611D}"/>
          </ac:spMkLst>
        </pc:spChg>
        <pc:spChg chg="mod">
          <ac:chgData name="NARH (Anna Rabocha)" userId="a5545e76-fda9-4675-921a-595f25aeea74" providerId="ADAL" clId="{247EED82-E09A-4312-AC47-446A4D2304A0}" dt="2023-06-16T12:43:16.313" v="197" actId="20577"/>
          <ac:spMkLst>
            <pc:docMk/>
            <pc:sldMk cId="72210228" sldId="405"/>
            <ac:spMk id="3" creationId="{B4161B9C-41DB-4AB3-A7F2-8DE9FB9F1FCF}"/>
          </ac:spMkLst>
        </pc:spChg>
        <pc:spChg chg="mod">
          <ac:chgData name="NARH (Anna Rabocha)" userId="a5545e76-fda9-4675-921a-595f25aeea74" providerId="ADAL" clId="{247EED82-E09A-4312-AC47-446A4D2304A0}" dt="2023-06-16T12:43:10.290" v="196" actId="20577"/>
          <ac:spMkLst>
            <pc:docMk/>
            <pc:sldMk cId="72210228" sldId="405"/>
            <ac:spMk id="5" creationId="{03CA07A5-C606-4A46-A8B7-09470866B732}"/>
          </ac:spMkLst>
        </pc:spChg>
        <pc:spChg chg="mod">
          <ac:chgData name="NARH (Anna Rabocha)" userId="a5545e76-fda9-4675-921a-595f25aeea74" providerId="ADAL" clId="{247EED82-E09A-4312-AC47-446A4D2304A0}" dt="2023-06-16T12:42:57.964" v="183"/>
          <ac:spMkLst>
            <pc:docMk/>
            <pc:sldMk cId="72210228" sldId="405"/>
            <ac:spMk id="8" creationId="{8DA62327-2555-4AAC-B2A0-3FE9A2FD239F}"/>
          </ac:spMkLst>
        </pc:spChg>
      </pc:sldChg>
      <pc:sldChg chg="modSp mod">
        <pc:chgData name="NARH (Anna Rabocha)" userId="a5545e76-fda9-4675-921a-595f25aeea74" providerId="ADAL" clId="{247EED82-E09A-4312-AC47-446A4D2304A0}" dt="2023-06-16T12:44:37.406" v="230"/>
        <pc:sldMkLst>
          <pc:docMk/>
          <pc:sldMk cId="59394310" sldId="410"/>
        </pc:sldMkLst>
        <pc:spChg chg="mod">
          <ac:chgData name="NARH (Anna Rabocha)" userId="a5545e76-fda9-4675-921a-595f25aeea74" providerId="ADAL" clId="{247EED82-E09A-4312-AC47-446A4D2304A0}" dt="2023-06-16T12:44:37.406" v="230"/>
          <ac:spMkLst>
            <pc:docMk/>
            <pc:sldMk cId="59394310" sldId="410"/>
            <ac:spMk id="6" creationId="{829B9A37-634C-4809-BD49-D697F6AB060F}"/>
          </ac:spMkLst>
        </pc:spChg>
        <pc:spChg chg="mod">
          <ac:chgData name="NARH (Anna Rabocha)" userId="a5545e76-fda9-4675-921a-595f25aeea74" providerId="ADAL" clId="{247EED82-E09A-4312-AC47-446A4D2304A0}" dt="2023-06-16T12:43:32.372" v="205" actId="20577"/>
          <ac:spMkLst>
            <pc:docMk/>
            <pc:sldMk cId="59394310" sldId="410"/>
            <ac:spMk id="11" creationId="{758CB4C2-B0BE-4AA9-B11B-C5A9539E0418}"/>
          </ac:spMkLst>
        </pc:spChg>
      </pc:sldChg>
      <pc:sldChg chg="modSp mod">
        <pc:chgData name="NARH (Anna Rabocha)" userId="a5545e76-fda9-4675-921a-595f25aeea74" providerId="ADAL" clId="{247EED82-E09A-4312-AC47-446A4D2304A0}" dt="2023-06-16T12:48:03.681" v="298" actId="20577"/>
        <pc:sldMkLst>
          <pc:docMk/>
          <pc:sldMk cId="3261894410" sldId="411"/>
        </pc:sldMkLst>
        <pc:spChg chg="mod">
          <ac:chgData name="NARH (Anna Rabocha)" userId="a5545e76-fda9-4675-921a-595f25aeea74" providerId="ADAL" clId="{247EED82-E09A-4312-AC47-446A4D2304A0}" dt="2023-06-16T12:46:02.589" v="248"/>
          <ac:spMkLst>
            <pc:docMk/>
            <pc:sldMk cId="3261894410" sldId="411"/>
            <ac:spMk id="3" creationId="{15ECF57A-EF58-4049-917F-4966704FC7AB}"/>
          </ac:spMkLst>
        </pc:spChg>
        <pc:spChg chg="mod">
          <ac:chgData name="NARH (Anna Rabocha)" userId="a5545e76-fda9-4675-921a-595f25aeea74" providerId="ADAL" clId="{247EED82-E09A-4312-AC47-446A4D2304A0}" dt="2023-06-16T12:46:26.115" v="272" actId="20577"/>
          <ac:spMkLst>
            <pc:docMk/>
            <pc:sldMk cId="3261894410" sldId="411"/>
            <ac:spMk id="5" creationId="{8AD78C61-8735-4E1C-8C83-6351886E2886}"/>
          </ac:spMkLst>
        </pc:spChg>
        <pc:spChg chg="mod">
          <ac:chgData name="NARH (Anna Rabocha)" userId="a5545e76-fda9-4675-921a-595f25aeea74" providerId="ADAL" clId="{247EED82-E09A-4312-AC47-446A4D2304A0}" dt="2023-06-16T12:46:35.187" v="280" actId="20577"/>
          <ac:spMkLst>
            <pc:docMk/>
            <pc:sldMk cId="3261894410" sldId="411"/>
            <ac:spMk id="8" creationId="{2C7D7AD9-C8AA-455C-9658-C62F8A57B09A}"/>
          </ac:spMkLst>
        </pc:spChg>
        <pc:spChg chg="mod">
          <ac:chgData name="NARH (Anna Rabocha)" userId="a5545e76-fda9-4675-921a-595f25aeea74" providerId="ADAL" clId="{247EED82-E09A-4312-AC47-446A4D2304A0}" dt="2023-06-16T12:46:52.725" v="282"/>
          <ac:spMkLst>
            <pc:docMk/>
            <pc:sldMk cId="3261894410" sldId="411"/>
            <ac:spMk id="11" creationId="{73B9626C-BA14-481F-A34D-086EA907DE48}"/>
          </ac:spMkLst>
        </pc:spChg>
        <pc:spChg chg="mod">
          <ac:chgData name="NARH (Anna Rabocha)" userId="a5545e76-fda9-4675-921a-595f25aeea74" providerId="ADAL" clId="{247EED82-E09A-4312-AC47-446A4D2304A0}" dt="2023-06-16T12:47:10.328" v="284"/>
          <ac:spMkLst>
            <pc:docMk/>
            <pc:sldMk cId="3261894410" sldId="411"/>
            <ac:spMk id="12" creationId="{78F550E8-4DBC-4E0C-8EFC-180327DCF600}"/>
          </ac:spMkLst>
        </pc:spChg>
        <pc:spChg chg="mod">
          <ac:chgData name="NARH (Anna Rabocha)" userId="a5545e76-fda9-4675-921a-595f25aeea74" providerId="ADAL" clId="{247EED82-E09A-4312-AC47-446A4D2304A0}" dt="2023-06-16T12:47:35.341" v="286"/>
          <ac:spMkLst>
            <pc:docMk/>
            <pc:sldMk cId="3261894410" sldId="411"/>
            <ac:spMk id="13" creationId="{83C8B1A8-4780-4AAB-B847-633C4EA845DB}"/>
          </ac:spMkLst>
        </pc:spChg>
        <pc:spChg chg="mod">
          <ac:chgData name="NARH (Anna Rabocha)" userId="a5545e76-fda9-4675-921a-595f25aeea74" providerId="ADAL" clId="{247EED82-E09A-4312-AC47-446A4D2304A0}" dt="2023-06-16T12:48:03.681" v="298" actId="20577"/>
          <ac:spMkLst>
            <pc:docMk/>
            <pc:sldMk cId="3261894410" sldId="411"/>
            <ac:spMk id="14" creationId="{12D34D2E-C824-412A-86F4-CB48E9D432F9}"/>
          </ac:spMkLst>
        </pc:spChg>
      </pc:sldChg>
      <pc:sldChg chg="modSp mod">
        <pc:chgData name="NARH (Anna Rabocha)" userId="a5545e76-fda9-4675-921a-595f25aeea74" providerId="ADAL" clId="{247EED82-E09A-4312-AC47-446A4D2304A0}" dt="2023-06-16T12:45:35.869" v="246"/>
        <pc:sldMkLst>
          <pc:docMk/>
          <pc:sldMk cId="3245849893" sldId="418"/>
        </pc:sldMkLst>
        <pc:spChg chg="mod">
          <ac:chgData name="NARH (Anna Rabocha)" userId="a5545e76-fda9-4675-921a-595f25aeea74" providerId="ADAL" clId="{247EED82-E09A-4312-AC47-446A4D2304A0}" dt="2023-06-16T12:45:13.534" v="244" actId="20577"/>
          <ac:spMkLst>
            <pc:docMk/>
            <pc:sldMk cId="3245849893" sldId="418"/>
            <ac:spMk id="6" creationId="{AB1990BB-CD4D-44C8-9B5B-65E42371AD65}"/>
          </ac:spMkLst>
        </pc:spChg>
        <pc:spChg chg="mod">
          <ac:chgData name="NARH (Anna Rabocha)" userId="a5545e76-fda9-4675-921a-595f25aeea74" providerId="ADAL" clId="{247EED82-E09A-4312-AC47-446A4D2304A0}" dt="2023-06-16T12:45:35.869" v="246"/>
          <ac:spMkLst>
            <pc:docMk/>
            <pc:sldMk cId="3245849893" sldId="418"/>
            <ac:spMk id="7" creationId="{CBB84098-F2E8-43E3-AFD5-5A2B8E4A19B6}"/>
          </ac:spMkLst>
        </pc:spChg>
        <pc:spChg chg="mod">
          <ac:chgData name="NARH (Anna Rabocha)" userId="a5545e76-fda9-4675-921a-595f25aeea74" providerId="ADAL" clId="{247EED82-E09A-4312-AC47-446A4D2304A0}" dt="2023-06-16T12:45:05.529" v="232" actId="20577"/>
          <ac:spMkLst>
            <pc:docMk/>
            <pc:sldMk cId="3245849893" sldId="418"/>
            <ac:spMk id="10" creationId="{CE9B8DB2-B585-4E37-9376-8D3B034FE9AA}"/>
          </ac:spMkLst>
        </pc:spChg>
      </pc:sldChg>
      <pc:sldChg chg="modSp mod">
        <pc:chgData name="NARH (Anna Rabocha)" userId="a5545e76-fda9-4675-921a-595f25aeea74" providerId="ADAL" clId="{247EED82-E09A-4312-AC47-446A4D2304A0}" dt="2023-06-16T12:17:53.913" v="16" actId="20577"/>
        <pc:sldMkLst>
          <pc:docMk/>
          <pc:sldMk cId="1295546014" sldId="455"/>
        </pc:sldMkLst>
        <pc:spChg chg="mod">
          <ac:chgData name="NARH (Anna Rabocha)" userId="a5545e76-fda9-4675-921a-595f25aeea74" providerId="ADAL" clId="{247EED82-E09A-4312-AC47-446A4D2304A0}" dt="2023-06-16T12:17:53.913" v="16" actId="20577"/>
          <ac:spMkLst>
            <pc:docMk/>
            <pc:sldMk cId="1295546014" sldId="455"/>
            <ac:spMk id="2" creationId="{99A811EC-5C3E-43FA-A261-F9042973A2B8}"/>
          </ac:spMkLst>
        </pc:spChg>
        <pc:spChg chg="mod">
          <ac:chgData name="NARH (Anna Rabocha)" userId="a5545e76-fda9-4675-921a-595f25aeea74" providerId="ADAL" clId="{247EED82-E09A-4312-AC47-446A4D2304A0}" dt="2023-06-16T12:17:46.872" v="6" actId="1076"/>
          <ac:spMkLst>
            <pc:docMk/>
            <pc:sldMk cId="1295546014" sldId="455"/>
            <ac:spMk id="3" creationId="{A975643E-1DFE-4DC9-AF23-B08E216877C1}"/>
          </ac:spMkLst>
        </pc:spChg>
      </pc:sldChg>
      <pc:sldChg chg="modSp mod">
        <pc:chgData name="NARH (Anna Rabocha)" userId="a5545e76-fda9-4675-921a-595f25aeea74" providerId="ADAL" clId="{247EED82-E09A-4312-AC47-446A4D2304A0}" dt="2023-06-16T12:18:12.687" v="24" actId="20577"/>
        <pc:sldMkLst>
          <pc:docMk/>
          <pc:sldMk cId="2821796990" sldId="456"/>
        </pc:sldMkLst>
        <pc:spChg chg="mod">
          <ac:chgData name="NARH (Anna Rabocha)" userId="a5545e76-fda9-4675-921a-595f25aeea74" providerId="ADAL" clId="{247EED82-E09A-4312-AC47-446A4D2304A0}" dt="2023-06-16T12:18:12.687" v="24" actId="20577"/>
          <ac:spMkLst>
            <pc:docMk/>
            <pc:sldMk cId="2821796990" sldId="456"/>
            <ac:spMk id="2" creationId="{0E06BFF3-242B-4FA3-805E-3FE305F3FCDD}"/>
          </ac:spMkLst>
        </pc:spChg>
        <pc:spChg chg="mod">
          <ac:chgData name="NARH (Anna Rabocha)" userId="a5545e76-fda9-4675-921a-595f25aeea74" providerId="ADAL" clId="{247EED82-E09A-4312-AC47-446A4D2304A0}" dt="2023-06-16T12:18:04.184" v="21" actId="20577"/>
          <ac:spMkLst>
            <pc:docMk/>
            <pc:sldMk cId="2821796990" sldId="456"/>
            <ac:spMk id="3" creationId="{43670EE5-7529-4E8A-875C-242E50844EFC}"/>
          </ac:spMkLst>
        </pc:spChg>
      </pc:sldChg>
      <pc:sldChg chg="delSp modSp mod">
        <pc:chgData name="NARH (Anna Rabocha)" userId="a5545e76-fda9-4675-921a-595f25aeea74" providerId="ADAL" clId="{247EED82-E09A-4312-AC47-446A4D2304A0}" dt="2023-06-16T12:23:46.295" v="95" actId="404"/>
        <pc:sldMkLst>
          <pc:docMk/>
          <pc:sldMk cId="1040221484" sldId="458"/>
        </pc:sldMkLst>
        <pc:spChg chg="mod">
          <ac:chgData name="NARH (Anna Rabocha)" userId="a5545e76-fda9-4675-921a-595f25aeea74" providerId="ADAL" clId="{247EED82-E09A-4312-AC47-446A4D2304A0}" dt="2023-06-16T12:23:46.295" v="95" actId="404"/>
          <ac:spMkLst>
            <pc:docMk/>
            <pc:sldMk cId="1040221484" sldId="458"/>
            <ac:spMk id="2" creationId="{81656911-1D96-4F96-8D90-CF5CF9B5611D}"/>
          </ac:spMkLst>
        </pc:spChg>
        <pc:spChg chg="mod">
          <ac:chgData name="NARH (Anna Rabocha)" userId="a5545e76-fda9-4675-921a-595f25aeea74" providerId="ADAL" clId="{247EED82-E09A-4312-AC47-446A4D2304A0}" dt="2023-06-16T12:23:40.880" v="92" actId="1076"/>
          <ac:spMkLst>
            <pc:docMk/>
            <pc:sldMk cId="1040221484" sldId="458"/>
            <ac:spMk id="7" creationId="{968D39F9-126C-4549-8663-D6375957894A}"/>
          </ac:spMkLst>
        </pc:spChg>
        <pc:spChg chg="del mod">
          <ac:chgData name="NARH (Anna Rabocha)" userId="a5545e76-fda9-4675-921a-595f25aeea74" providerId="ADAL" clId="{247EED82-E09A-4312-AC47-446A4D2304A0}" dt="2023-06-16T12:23:41.261" v="94"/>
          <ac:spMkLst>
            <pc:docMk/>
            <pc:sldMk cId="1040221484" sldId="458"/>
            <ac:spMk id="8" creationId="{8DA62327-2555-4AAC-B2A0-3FE9A2FD239F}"/>
          </ac:spMkLst>
        </pc:spChg>
      </pc:sldChg>
      <pc:sldChg chg="addSp delSp modSp mod">
        <pc:chgData name="NARH (Anna Rabocha)" userId="a5545e76-fda9-4675-921a-595f25aeea74" providerId="ADAL" clId="{247EED82-E09A-4312-AC47-446A4D2304A0}" dt="2023-06-16T12:58:52.221" v="385" actId="6549"/>
        <pc:sldMkLst>
          <pc:docMk/>
          <pc:sldMk cId="628445125" sldId="459"/>
        </pc:sldMkLst>
        <pc:spChg chg="add del">
          <ac:chgData name="NARH (Anna Rabocha)" userId="a5545e76-fda9-4675-921a-595f25aeea74" providerId="ADAL" clId="{247EED82-E09A-4312-AC47-446A4D2304A0}" dt="2023-06-16T12:27:05.131" v="103"/>
          <ac:spMkLst>
            <pc:docMk/>
            <pc:sldMk cId="628445125" sldId="459"/>
            <ac:spMk id="2" creationId="{3CAB86F1-DDE4-3B9E-16FC-8A773F41CAE1}"/>
          </ac:spMkLst>
        </pc:spChg>
        <pc:spChg chg="mod">
          <ac:chgData name="NARH (Anna Rabocha)" userId="a5545e76-fda9-4675-921a-595f25aeea74" providerId="ADAL" clId="{247EED82-E09A-4312-AC47-446A4D2304A0}" dt="2023-06-16T12:27:15.845" v="106" actId="1076"/>
          <ac:spMkLst>
            <pc:docMk/>
            <pc:sldMk cId="628445125" sldId="459"/>
            <ac:spMk id="6" creationId="{829B9A37-634C-4809-BD49-D697F6AB060F}"/>
          </ac:spMkLst>
        </pc:spChg>
        <pc:spChg chg="mod">
          <ac:chgData name="NARH (Anna Rabocha)" userId="a5545e76-fda9-4675-921a-595f25aeea74" providerId="ADAL" clId="{247EED82-E09A-4312-AC47-446A4D2304A0}" dt="2023-06-16T12:25:20.925" v="98" actId="1076"/>
          <ac:spMkLst>
            <pc:docMk/>
            <pc:sldMk cId="628445125" sldId="459"/>
            <ac:spMk id="9" creationId="{CACF0C3B-2110-4E0A-9691-84A2618F7B97}"/>
          </ac:spMkLst>
        </pc:spChg>
        <pc:spChg chg="mod">
          <ac:chgData name="NARH (Anna Rabocha)" userId="a5545e76-fda9-4675-921a-595f25aeea74" providerId="ADAL" clId="{247EED82-E09A-4312-AC47-446A4D2304A0}" dt="2023-06-16T12:27:22.987" v="107" actId="1076"/>
          <ac:spMkLst>
            <pc:docMk/>
            <pc:sldMk cId="628445125" sldId="459"/>
            <ac:spMk id="10" creationId="{6EC0DCC1-5A00-40AA-9883-79B15EAD5A31}"/>
          </ac:spMkLst>
        </pc:spChg>
        <pc:spChg chg="mod">
          <ac:chgData name="NARH (Anna Rabocha)" userId="a5545e76-fda9-4675-921a-595f25aeea74" providerId="ADAL" clId="{247EED82-E09A-4312-AC47-446A4D2304A0}" dt="2023-06-16T12:26:31.202" v="101"/>
          <ac:spMkLst>
            <pc:docMk/>
            <pc:sldMk cId="628445125" sldId="459"/>
            <ac:spMk id="11" creationId="{758CB4C2-B0BE-4AA9-B11B-C5A9539E0418}"/>
          </ac:spMkLst>
        </pc:spChg>
        <pc:spChg chg="mod">
          <ac:chgData name="NARH (Anna Rabocha)" userId="a5545e76-fda9-4675-921a-595f25aeea74" providerId="ADAL" clId="{247EED82-E09A-4312-AC47-446A4D2304A0}" dt="2023-06-16T12:58:52.221" v="385" actId="6549"/>
          <ac:spMkLst>
            <pc:docMk/>
            <pc:sldMk cId="628445125" sldId="459"/>
            <ac:spMk id="12" creationId="{33AA2B58-A3E2-46C6-A880-437C59AB4D01}"/>
          </ac:spMkLst>
        </pc:spChg>
      </pc:sldChg>
      <pc:sldChg chg="modSp mod">
        <pc:chgData name="NARH (Anna Rabocha)" userId="a5545e76-fda9-4675-921a-595f25aeea74" providerId="ADAL" clId="{247EED82-E09A-4312-AC47-446A4D2304A0}" dt="2023-06-16T12:22:08.782" v="57" actId="20577"/>
        <pc:sldMkLst>
          <pc:docMk/>
          <pc:sldMk cId="319302502" sldId="504"/>
        </pc:sldMkLst>
        <pc:spChg chg="mod">
          <ac:chgData name="NARH (Anna Rabocha)" userId="a5545e76-fda9-4675-921a-595f25aeea74" providerId="ADAL" clId="{247EED82-E09A-4312-AC47-446A4D2304A0}" dt="2023-06-16T12:22:08.782" v="57" actId="20577"/>
          <ac:spMkLst>
            <pc:docMk/>
            <pc:sldMk cId="319302502" sldId="504"/>
            <ac:spMk id="6" creationId="{00000000-0000-0000-0000-000000000000}"/>
          </ac:spMkLst>
        </pc:spChg>
        <pc:spChg chg="mod">
          <ac:chgData name="NARH (Anna Rabocha)" userId="a5545e76-fda9-4675-921a-595f25aeea74" providerId="ADAL" clId="{247EED82-E09A-4312-AC47-446A4D2304A0}" dt="2023-06-16T12:21:34.820" v="33" actId="6549"/>
          <ac:spMkLst>
            <pc:docMk/>
            <pc:sldMk cId="319302502" sldId="504"/>
            <ac:spMk id="9" creationId="{00000000-0000-0000-0000-000000000000}"/>
          </ac:spMkLst>
        </pc:spChg>
        <pc:spChg chg="mod">
          <ac:chgData name="NARH (Anna Rabocha)" userId="a5545e76-fda9-4675-921a-595f25aeea74" providerId="ADAL" clId="{247EED82-E09A-4312-AC47-446A4D2304A0}" dt="2023-06-16T12:21:45.526" v="35" actId="20577"/>
          <ac:spMkLst>
            <pc:docMk/>
            <pc:sldMk cId="319302502" sldId="504"/>
            <ac:spMk id="27" creationId="{00000000-0000-0000-0000-000000000000}"/>
          </ac:spMkLst>
        </pc:spChg>
      </pc:sldChg>
      <pc:sldChg chg="addSp modSp new mod">
        <pc:chgData name="NARH (Anna Rabocha)" userId="a5545e76-fda9-4675-921a-595f25aeea74" providerId="ADAL" clId="{247EED82-E09A-4312-AC47-446A4D2304A0}" dt="2023-06-16T12:59:02.924" v="386"/>
        <pc:sldMkLst>
          <pc:docMk/>
          <pc:sldMk cId="1230044369" sldId="506"/>
        </pc:sldMkLst>
        <pc:spChg chg="mod">
          <ac:chgData name="NARH (Anna Rabocha)" userId="a5545e76-fda9-4675-921a-595f25aeea74" providerId="ADAL" clId="{247EED82-E09A-4312-AC47-446A4D2304A0}" dt="2023-06-16T12:57:04.161" v="347" actId="6549"/>
          <ac:spMkLst>
            <pc:docMk/>
            <pc:sldMk cId="1230044369" sldId="506"/>
            <ac:spMk id="2" creationId="{B67D9A62-E5A5-BFA8-AEF5-1A6DB47CD149}"/>
          </ac:spMkLst>
        </pc:spChg>
        <pc:spChg chg="mod">
          <ac:chgData name="NARH (Anna Rabocha)" userId="a5545e76-fda9-4675-921a-595f25aeea74" providerId="ADAL" clId="{247EED82-E09A-4312-AC47-446A4D2304A0}" dt="2023-06-16T12:52:02.156" v="325"/>
          <ac:spMkLst>
            <pc:docMk/>
            <pc:sldMk cId="1230044369" sldId="506"/>
            <ac:spMk id="3" creationId="{5277A390-0776-CAAE-6783-FADCFC9284D6}"/>
          </ac:spMkLst>
        </pc:spChg>
        <pc:spChg chg="add mod">
          <ac:chgData name="NARH (Anna Rabocha)" userId="a5545e76-fda9-4675-921a-595f25aeea74" providerId="ADAL" clId="{247EED82-E09A-4312-AC47-446A4D2304A0}" dt="2023-06-16T12:59:02.924" v="386"/>
          <ac:spMkLst>
            <pc:docMk/>
            <pc:sldMk cId="1230044369" sldId="506"/>
            <ac:spMk id="7" creationId="{2B67E9B6-AA4B-BFCC-D31A-0E18229E93D5}"/>
          </ac:spMkLst>
        </pc:spChg>
      </pc:sldChg>
      <pc:sldChg chg="addSp delSp modSp new mod">
        <pc:chgData name="NARH (Anna Rabocha)" userId="a5545e76-fda9-4675-921a-595f25aeea74" providerId="ADAL" clId="{247EED82-E09A-4312-AC47-446A4D2304A0}" dt="2023-06-16T12:59:06.302" v="387"/>
        <pc:sldMkLst>
          <pc:docMk/>
          <pc:sldMk cId="2563009507" sldId="507"/>
        </pc:sldMkLst>
        <pc:spChg chg="mod">
          <ac:chgData name="NARH (Anna Rabocha)" userId="a5545e76-fda9-4675-921a-595f25aeea74" providerId="ADAL" clId="{247EED82-E09A-4312-AC47-446A4D2304A0}" dt="2023-06-16T12:58:20.996" v="357" actId="114"/>
          <ac:spMkLst>
            <pc:docMk/>
            <pc:sldMk cId="2563009507" sldId="507"/>
            <ac:spMk id="2" creationId="{5C5FD9ED-CBFA-D66D-624F-FFF725A59899}"/>
          </ac:spMkLst>
        </pc:spChg>
        <pc:spChg chg="del">
          <ac:chgData name="NARH (Anna Rabocha)" userId="a5545e76-fda9-4675-921a-595f25aeea74" providerId="ADAL" clId="{247EED82-E09A-4312-AC47-446A4D2304A0}" dt="2023-06-16T12:57:45.846" v="350"/>
          <ac:spMkLst>
            <pc:docMk/>
            <pc:sldMk cId="2563009507" sldId="507"/>
            <ac:spMk id="3" creationId="{D3F2A557-7000-5CC5-2B9D-9009D2D79CD4}"/>
          </ac:spMkLst>
        </pc:spChg>
        <pc:spChg chg="add mod">
          <ac:chgData name="NARH (Anna Rabocha)" userId="a5545e76-fda9-4675-921a-595f25aeea74" providerId="ADAL" clId="{247EED82-E09A-4312-AC47-446A4D2304A0}" dt="2023-06-16T12:57:45.846" v="350"/>
          <ac:spMkLst>
            <pc:docMk/>
            <pc:sldMk cId="2563009507" sldId="507"/>
            <ac:spMk id="7" creationId="{85F1661E-706F-3DAA-A0A4-E7683CFA26DC}"/>
          </ac:spMkLst>
        </pc:spChg>
        <pc:spChg chg="add mod">
          <ac:chgData name="NARH (Anna Rabocha)" userId="a5545e76-fda9-4675-921a-595f25aeea74" providerId="ADAL" clId="{247EED82-E09A-4312-AC47-446A4D2304A0}" dt="2023-06-16T12:59:06.302" v="387"/>
          <ac:spMkLst>
            <pc:docMk/>
            <pc:sldMk cId="2563009507" sldId="507"/>
            <ac:spMk id="8" creationId="{CEC92787-0E55-FB25-D45A-E29D2A1BC6B5}"/>
          </ac:spMkLst>
        </pc:sp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482321" y="216000"/>
            <a:ext cx="2971800" cy="1296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1200"/>
            </a:lvl1pPr>
          </a:lstStyle>
          <a:p>
            <a:endParaRPr lang="en-GB" sz="900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454121" y="216000"/>
            <a:ext cx="2926582" cy="1296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r">
              <a:defRPr sz="1200"/>
            </a:lvl1pPr>
          </a:lstStyle>
          <a:p>
            <a:fld id="{FD51D3D3-FD18-4681-9F4D-FACA76A9F716}" type="datetimeFigureOut">
              <a:rPr lang="en-GB" sz="900" smtClean="0"/>
              <a:t>16/09/2023</a:t>
            </a:fld>
            <a:endParaRPr lang="en-GB" sz="90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482321" y="349695"/>
            <a:ext cx="2971800" cy="1296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1200"/>
            </a:lvl1pPr>
          </a:lstStyle>
          <a:p>
            <a:endParaRPr lang="en-GB" sz="90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454121" y="349695"/>
            <a:ext cx="2926582" cy="1296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r">
              <a:defRPr sz="1200"/>
            </a:lvl1pPr>
          </a:lstStyle>
          <a:p>
            <a:fld id="{4E4F0B25-6B6C-417F-8A5F-3AB6073F7C55}" type="slidenum">
              <a:rPr lang="en-GB" sz="900" smtClean="0"/>
              <a:t>‹#›</a:t>
            </a:fld>
            <a:endParaRPr lang="en-GB" sz="90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42754565-3103-4E1D-9A19-A0CF63265F7D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10175" y="8493549"/>
            <a:ext cx="599507" cy="4291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5986669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482321" y="214453"/>
            <a:ext cx="2971800" cy="1296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9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454121" y="214453"/>
            <a:ext cx="2918126" cy="1296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r">
              <a:defRPr sz="900"/>
            </a:lvl1pPr>
          </a:lstStyle>
          <a:p>
            <a:fld id="{6B8772CB-E7B8-41C1-95DC-B7BED37C05AE}" type="datetimeFigureOut">
              <a:rPr lang="en-GB" smtClean="0"/>
              <a:pPr/>
              <a:t>16/09/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381000" y="4343400"/>
            <a:ext cx="6096000" cy="3936442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482321" y="359030"/>
            <a:ext cx="2971800" cy="1296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9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454121" y="359030"/>
            <a:ext cx="2918126" cy="1296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r">
              <a:defRPr sz="900"/>
            </a:lvl1pPr>
          </a:lstStyle>
          <a:p>
            <a:fld id="{576E89B1-B476-4C59-A1AE-E6F2A1941AB8}" type="slidenum">
              <a:rPr lang="en-GB" smtClean="0"/>
              <a:pPr/>
              <a:t>‹#›</a:t>
            </a:fld>
            <a:endParaRPr lang="en-GB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1AE3370A-3BFD-4E41-B726-A7D58CBC6D1A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10175" y="8493549"/>
            <a:ext cx="599507" cy="4291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3979825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1794" name="Slide Image Placeholder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defRPr/>
            </a:pPr>
            <a:r>
              <a:rPr lang="en-GB" b="1" dirty="0">
                <a:solidFill>
                  <a:schemeClr val="tx1"/>
                </a:solidFill>
              </a:rPr>
              <a:t>Key messages</a:t>
            </a:r>
          </a:p>
          <a:p>
            <a:pPr marL="169663" indent="-169663">
              <a:buFont typeface="Arial" pitchFamily="34" charset="0"/>
              <a:buChar char="•"/>
              <a:defRPr/>
            </a:pPr>
            <a:r>
              <a:rPr lang="en-GB" dirty="0">
                <a:solidFill>
                  <a:schemeClr val="tx1"/>
                </a:solidFill>
              </a:rPr>
              <a:t>Standard Novo Nordisk vial enables easy reconstitution with the </a:t>
            </a:r>
            <a:r>
              <a:rPr lang="en-GB" dirty="0" err="1">
                <a:solidFill>
                  <a:schemeClr val="tx1"/>
                </a:solidFill>
              </a:rPr>
              <a:t>MixPro</a:t>
            </a:r>
            <a:r>
              <a:rPr lang="en-GB" baseline="30000" dirty="0">
                <a:solidFill>
                  <a:schemeClr val="tx1"/>
                </a:solidFill>
              </a:rPr>
              <a:t>®</a:t>
            </a:r>
            <a:r>
              <a:rPr lang="en-GB" dirty="0">
                <a:solidFill>
                  <a:schemeClr val="tx1"/>
                </a:solidFill>
              </a:rPr>
              <a:t> device </a:t>
            </a:r>
          </a:p>
          <a:p>
            <a:pPr marL="169663" marR="0" lvl="0" indent="-169663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lang="en-GB" dirty="0"/>
              <a:t>turoctocog </a:t>
            </a:r>
            <a:r>
              <a:rPr lang="en-GB" dirty="0" err="1"/>
              <a:t>alfa</a:t>
            </a:r>
            <a:r>
              <a:rPr lang="en-GB" dirty="0"/>
              <a:t> is available in 6 vial sizes</a:t>
            </a:r>
          </a:p>
          <a:p>
            <a:pPr marL="169663" indent="-169663">
              <a:buFont typeface="Arial" pitchFamily="34" charset="0"/>
              <a:buChar char="•"/>
              <a:defRPr/>
            </a:pPr>
            <a:endParaRPr lang="en-GB" dirty="0">
              <a:solidFill>
                <a:schemeClr val="tx1"/>
              </a:solidFill>
            </a:endParaRPr>
          </a:p>
          <a:p>
            <a:pPr marL="169663" indent="-169663">
              <a:buFont typeface="Arial" pitchFamily="34" charset="0"/>
              <a:buChar char="•"/>
              <a:defRPr/>
            </a:pPr>
            <a:endParaRPr lang="en-GB" dirty="0">
              <a:solidFill>
                <a:schemeClr val="tx1"/>
              </a:solidFill>
            </a:endParaRPr>
          </a:p>
          <a:p>
            <a:pPr>
              <a:defRPr/>
            </a:pPr>
            <a:r>
              <a:rPr lang="en-GB" b="1" dirty="0">
                <a:solidFill>
                  <a:schemeClr val="tx1"/>
                </a:solidFill>
              </a:rPr>
              <a:t>References</a:t>
            </a:r>
          </a:p>
          <a:p>
            <a:pPr marL="228783" indent="-228783" defTabSz="915132">
              <a:buFont typeface="+mj-lt"/>
              <a:buAutoNum type="arabicPeriod"/>
              <a:defRPr/>
            </a:pPr>
            <a:r>
              <a:rPr lang="en-CA" dirty="0">
                <a:solidFill>
                  <a:srgbClr val="001965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Novo Nordisk. </a:t>
            </a:r>
            <a:r>
              <a:rPr lang="en-CA" dirty="0" err="1">
                <a:solidFill>
                  <a:srgbClr val="001965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NovoEight</a:t>
            </a:r>
            <a:r>
              <a:rPr lang="en-CA" baseline="30000" dirty="0">
                <a:solidFill>
                  <a:srgbClr val="001965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®</a:t>
            </a:r>
            <a:r>
              <a:rPr lang="en-CA" dirty="0">
                <a:solidFill>
                  <a:srgbClr val="001965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  <a:r>
              <a:rPr lang="en-CA" dirty="0" err="1">
                <a:solidFill>
                  <a:srgbClr val="001965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SmPC</a:t>
            </a:r>
            <a:r>
              <a:rPr lang="en-CA" dirty="0">
                <a:solidFill>
                  <a:srgbClr val="001965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2018</a:t>
            </a:r>
          </a:p>
          <a:p>
            <a:pPr marL="228783" indent="-228783" defTabSz="915132">
              <a:buFont typeface="+mj-lt"/>
              <a:buAutoNum type="arabicPeriod"/>
              <a:defRPr/>
            </a:pPr>
            <a:r>
              <a:rPr lang="en-CA" dirty="0">
                <a:solidFill>
                  <a:srgbClr val="001965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Novo Nordisk. </a:t>
            </a:r>
            <a:r>
              <a:rPr lang="en-CA" dirty="0" err="1">
                <a:solidFill>
                  <a:srgbClr val="001965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NovoEight</a:t>
            </a:r>
            <a:r>
              <a:rPr lang="en-CA" baseline="30000" dirty="0">
                <a:solidFill>
                  <a:srgbClr val="001965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®</a:t>
            </a:r>
            <a:r>
              <a:rPr lang="en-CA" dirty="0">
                <a:solidFill>
                  <a:srgbClr val="001965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PI 2018</a:t>
            </a:r>
            <a:endParaRPr lang="en-GB" dirty="0">
              <a:solidFill>
                <a:srgbClr val="001965"/>
              </a:solidFill>
            </a:endParaRPr>
          </a:p>
          <a:p>
            <a:pPr marL="169663" indent="-169663">
              <a:buFont typeface="Arial" pitchFamily="34" charset="0"/>
              <a:buChar char="•"/>
              <a:defRPr/>
            </a:pP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45BCA99-4332-4F9E-BD42-D4DEA1A5C271}" type="slidenum">
              <a:rPr lang="da-DK" smtClean="0"/>
              <a:pPr>
                <a:defRPr/>
              </a:pPr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7386804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tags" Target="../tags/tag11.xml"/><Relationship Id="rId2" Type="http://schemas.openxmlformats.org/officeDocument/2006/relationships/tags" Target="../tags/tag10.xml"/><Relationship Id="rId1" Type="http://schemas.openxmlformats.org/officeDocument/2006/relationships/tags" Target="../tags/tag9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13.xml"/><Relationship Id="rId4" Type="http://schemas.openxmlformats.org/officeDocument/2006/relationships/tags" Target="../tags/tag12.xml"/></Relationships>
</file>

<file path=ppt/slideLayouts/_rels/slideLayout10.xml.rels><?xml version="1.0" encoding="UTF-8" standalone="yes"?>
<Relationships xmlns="http://schemas.openxmlformats.org/package/2006/relationships"><Relationship Id="rId8" Type="http://schemas.openxmlformats.org/officeDocument/2006/relationships/tags" Target="../tags/tag70.xml"/><Relationship Id="rId3" Type="http://schemas.openxmlformats.org/officeDocument/2006/relationships/tags" Target="../tags/tag65.xml"/><Relationship Id="rId7" Type="http://schemas.openxmlformats.org/officeDocument/2006/relationships/tags" Target="../tags/tag69.xml"/><Relationship Id="rId2" Type="http://schemas.openxmlformats.org/officeDocument/2006/relationships/tags" Target="../tags/tag64.xml"/><Relationship Id="rId1" Type="http://schemas.openxmlformats.org/officeDocument/2006/relationships/tags" Target="../tags/tag63.xml"/><Relationship Id="rId6" Type="http://schemas.openxmlformats.org/officeDocument/2006/relationships/tags" Target="../tags/tag68.xml"/><Relationship Id="rId5" Type="http://schemas.openxmlformats.org/officeDocument/2006/relationships/tags" Target="../tags/tag67.xml"/><Relationship Id="rId4" Type="http://schemas.openxmlformats.org/officeDocument/2006/relationships/tags" Target="../tags/tag66.xml"/><Relationship Id="rId9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8" Type="http://schemas.openxmlformats.org/officeDocument/2006/relationships/tags" Target="../tags/tag78.xml"/><Relationship Id="rId3" Type="http://schemas.openxmlformats.org/officeDocument/2006/relationships/tags" Target="../tags/tag73.xml"/><Relationship Id="rId7" Type="http://schemas.openxmlformats.org/officeDocument/2006/relationships/tags" Target="../tags/tag77.xml"/><Relationship Id="rId2" Type="http://schemas.openxmlformats.org/officeDocument/2006/relationships/tags" Target="../tags/tag72.xml"/><Relationship Id="rId1" Type="http://schemas.openxmlformats.org/officeDocument/2006/relationships/tags" Target="../tags/tag71.xml"/><Relationship Id="rId6" Type="http://schemas.openxmlformats.org/officeDocument/2006/relationships/tags" Target="../tags/tag76.xml"/><Relationship Id="rId11" Type="http://schemas.openxmlformats.org/officeDocument/2006/relationships/slideMaster" Target="../slideMasters/slideMaster1.xml"/><Relationship Id="rId5" Type="http://schemas.openxmlformats.org/officeDocument/2006/relationships/tags" Target="../tags/tag75.xml"/><Relationship Id="rId10" Type="http://schemas.openxmlformats.org/officeDocument/2006/relationships/tags" Target="../tags/tag80.xml"/><Relationship Id="rId4" Type="http://schemas.openxmlformats.org/officeDocument/2006/relationships/tags" Target="../tags/tag74.xml"/><Relationship Id="rId9" Type="http://schemas.openxmlformats.org/officeDocument/2006/relationships/tags" Target="../tags/tag79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tags" Target="../tags/tag83.xml"/><Relationship Id="rId2" Type="http://schemas.openxmlformats.org/officeDocument/2006/relationships/tags" Target="../tags/tag82.xml"/><Relationship Id="rId1" Type="http://schemas.openxmlformats.org/officeDocument/2006/relationships/tags" Target="../tags/tag81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84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tags" Target="../tags/tag87.xml"/><Relationship Id="rId2" Type="http://schemas.openxmlformats.org/officeDocument/2006/relationships/tags" Target="../tags/tag86.xml"/><Relationship Id="rId1" Type="http://schemas.openxmlformats.org/officeDocument/2006/relationships/tags" Target="../tags/tag85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89.xml"/><Relationship Id="rId4" Type="http://schemas.openxmlformats.org/officeDocument/2006/relationships/tags" Target="../tags/tag88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tags" Target="../tags/tag92.xml"/><Relationship Id="rId2" Type="http://schemas.openxmlformats.org/officeDocument/2006/relationships/tags" Target="../tags/tag91.xml"/><Relationship Id="rId1" Type="http://schemas.openxmlformats.org/officeDocument/2006/relationships/tags" Target="../tags/tag90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94.xml"/><Relationship Id="rId4" Type="http://schemas.openxmlformats.org/officeDocument/2006/relationships/tags" Target="../tags/tag93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tags" Target="../tags/tag97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96.xml"/><Relationship Id="rId1" Type="http://schemas.openxmlformats.org/officeDocument/2006/relationships/tags" Target="../tags/tag95.xml"/><Relationship Id="rId6" Type="http://schemas.openxmlformats.org/officeDocument/2006/relationships/tags" Target="../tags/tag100.xml"/><Relationship Id="rId5" Type="http://schemas.openxmlformats.org/officeDocument/2006/relationships/tags" Target="../tags/tag99.xml"/><Relationship Id="rId4" Type="http://schemas.openxmlformats.org/officeDocument/2006/relationships/tags" Target="../tags/tag98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tags" Target="../tags/tag103.xml"/><Relationship Id="rId2" Type="http://schemas.openxmlformats.org/officeDocument/2006/relationships/tags" Target="../tags/tag102.xml"/><Relationship Id="rId1" Type="http://schemas.openxmlformats.org/officeDocument/2006/relationships/tags" Target="../tags/tag101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105.xml"/><Relationship Id="rId4" Type="http://schemas.openxmlformats.org/officeDocument/2006/relationships/tags" Target="../tags/tag104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tags" Target="../tags/tag108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07.xml"/><Relationship Id="rId1" Type="http://schemas.openxmlformats.org/officeDocument/2006/relationships/tags" Target="../tags/tag106.xml"/><Relationship Id="rId6" Type="http://schemas.openxmlformats.org/officeDocument/2006/relationships/tags" Target="../tags/tag111.xml"/><Relationship Id="rId5" Type="http://schemas.openxmlformats.org/officeDocument/2006/relationships/tags" Target="../tags/tag110.xml"/><Relationship Id="rId4" Type="http://schemas.openxmlformats.org/officeDocument/2006/relationships/tags" Target="../tags/tag109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tags" Target="../tags/tag114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13.xml"/><Relationship Id="rId1" Type="http://schemas.openxmlformats.org/officeDocument/2006/relationships/tags" Target="../tags/tag112.xml"/><Relationship Id="rId6" Type="http://schemas.openxmlformats.org/officeDocument/2006/relationships/tags" Target="../tags/tag117.xml"/><Relationship Id="rId5" Type="http://schemas.openxmlformats.org/officeDocument/2006/relationships/tags" Target="../tags/tag116.xml"/><Relationship Id="rId4" Type="http://schemas.openxmlformats.org/officeDocument/2006/relationships/tags" Target="../tags/tag115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tags" Target="../tags/tag120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19.xml"/><Relationship Id="rId1" Type="http://schemas.openxmlformats.org/officeDocument/2006/relationships/tags" Target="../tags/tag118.xml"/><Relationship Id="rId6" Type="http://schemas.openxmlformats.org/officeDocument/2006/relationships/tags" Target="../tags/tag123.xml"/><Relationship Id="rId5" Type="http://schemas.openxmlformats.org/officeDocument/2006/relationships/tags" Target="../tags/tag122.xml"/><Relationship Id="rId4" Type="http://schemas.openxmlformats.org/officeDocument/2006/relationships/tags" Target="../tags/tag12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tags" Target="../tags/tag15.xml"/><Relationship Id="rId1" Type="http://schemas.openxmlformats.org/officeDocument/2006/relationships/tags" Target="../tags/tag14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18.xml"/><Relationship Id="rId4" Type="http://schemas.openxmlformats.org/officeDocument/2006/relationships/tags" Target="../tags/tag17.xml"/></Relationships>
</file>

<file path=ppt/slideLayouts/_rels/slideLayout20.xml.rels><?xml version="1.0" encoding="UTF-8" standalone="yes"?>
<Relationships xmlns="http://schemas.openxmlformats.org/package/2006/relationships"><Relationship Id="rId8" Type="http://schemas.openxmlformats.org/officeDocument/2006/relationships/slideMaster" Target="../slideMasters/slideMaster1.xml"/><Relationship Id="rId3" Type="http://schemas.openxmlformats.org/officeDocument/2006/relationships/tags" Target="../tags/tag126.xml"/><Relationship Id="rId7" Type="http://schemas.openxmlformats.org/officeDocument/2006/relationships/tags" Target="../tags/tag130.xml"/><Relationship Id="rId2" Type="http://schemas.openxmlformats.org/officeDocument/2006/relationships/tags" Target="../tags/tag125.xml"/><Relationship Id="rId1" Type="http://schemas.openxmlformats.org/officeDocument/2006/relationships/tags" Target="../tags/tag124.xml"/><Relationship Id="rId6" Type="http://schemas.openxmlformats.org/officeDocument/2006/relationships/tags" Target="../tags/tag129.xml"/><Relationship Id="rId5" Type="http://schemas.openxmlformats.org/officeDocument/2006/relationships/tags" Target="../tags/tag128.xml"/><Relationship Id="rId4" Type="http://schemas.openxmlformats.org/officeDocument/2006/relationships/tags" Target="../tags/tag127.xml"/></Relationships>
</file>

<file path=ppt/slideLayouts/_rels/slideLayout21.xml.rels><?xml version="1.0" encoding="UTF-8" standalone="yes"?>
<Relationships xmlns="http://schemas.openxmlformats.org/package/2006/relationships"><Relationship Id="rId8" Type="http://schemas.openxmlformats.org/officeDocument/2006/relationships/tags" Target="../tags/tag138.xml"/><Relationship Id="rId3" Type="http://schemas.openxmlformats.org/officeDocument/2006/relationships/tags" Target="../tags/tag133.xml"/><Relationship Id="rId7" Type="http://schemas.openxmlformats.org/officeDocument/2006/relationships/tags" Target="../tags/tag137.xml"/><Relationship Id="rId2" Type="http://schemas.openxmlformats.org/officeDocument/2006/relationships/tags" Target="../tags/tag132.xml"/><Relationship Id="rId1" Type="http://schemas.openxmlformats.org/officeDocument/2006/relationships/tags" Target="../tags/tag131.xml"/><Relationship Id="rId6" Type="http://schemas.openxmlformats.org/officeDocument/2006/relationships/tags" Target="../tags/tag136.xml"/><Relationship Id="rId5" Type="http://schemas.openxmlformats.org/officeDocument/2006/relationships/tags" Target="../tags/tag135.xml"/><Relationship Id="rId4" Type="http://schemas.openxmlformats.org/officeDocument/2006/relationships/tags" Target="../tags/tag134.xml"/><Relationship Id="rId9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tags" Target="../tags/tag141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40.xml"/><Relationship Id="rId1" Type="http://schemas.openxmlformats.org/officeDocument/2006/relationships/tags" Target="../tags/tag139.xml"/><Relationship Id="rId6" Type="http://schemas.openxmlformats.org/officeDocument/2006/relationships/tags" Target="../tags/tag144.xml"/><Relationship Id="rId5" Type="http://schemas.openxmlformats.org/officeDocument/2006/relationships/tags" Target="../tags/tag143.xml"/><Relationship Id="rId4" Type="http://schemas.openxmlformats.org/officeDocument/2006/relationships/tags" Target="../tags/tag142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tags" Target="../tags/tag147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46.xml"/><Relationship Id="rId1" Type="http://schemas.openxmlformats.org/officeDocument/2006/relationships/tags" Target="../tags/tag145.xml"/><Relationship Id="rId6" Type="http://schemas.openxmlformats.org/officeDocument/2006/relationships/tags" Target="../tags/tag150.xml"/><Relationship Id="rId5" Type="http://schemas.openxmlformats.org/officeDocument/2006/relationships/tags" Target="../tags/tag149.xml"/><Relationship Id="rId4" Type="http://schemas.openxmlformats.org/officeDocument/2006/relationships/tags" Target="../tags/tag148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tags" Target="../tags/tag153.xml"/><Relationship Id="rId2" Type="http://schemas.openxmlformats.org/officeDocument/2006/relationships/tags" Target="../tags/tag152.xml"/><Relationship Id="rId1" Type="http://schemas.openxmlformats.org/officeDocument/2006/relationships/tags" Target="../tags/tag151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54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tags" Target="../tags/tag157.xml"/><Relationship Id="rId2" Type="http://schemas.openxmlformats.org/officeDocument/2006/relationships/tags" Target="../tags/tag156.xml"/><Relationship Id="rId1" Type="http://schemas.openxmlformats.org/officeDocument/2006/relationships/tags" Target="../tags/tag155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58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tags" Target="../tags/tag161.xml"/><Relationship Id="rId2" Type="http://schemas.openxmlformats.org/officeDocument/2006/relationships/tags" Target="../tags/tag160.xml"/><Relationship Id="rId1" Type="http://schemas.openxmlformats.org/officeDocument/2006/relationships/tags" Target="../tags/tag159.xml"/><Relationship Id="rId4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tags" Target="../tags/tag164.xml"/><Relationship Id="rId2" Type="http://schemas.openxmlformats.org/officeDocument/2006/relationships/tags" Target="../tags/tag163.xml"/><Relationship Id="rId1" Type="http://schemas.openxmlformats.org/officeDocument/2006/relationships/tags" Target="../tags/tag162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166.xml"/><Relationship Id="rId4" Type="http://schemas.openxmlformats.org/officeDocument/2006/relationships/tags" Target="../tags/tag165.xml"/></Relationships>
</file>

<file path=ppt/slideLayouts/_rels/slideLayout28.xml.rels><?xml version="1.0" encoding="UTF-8" standalone="yes"?>
<Relationships xmlns="http://schemas.openxmlformats.org/package/2006/relationships"><Relationship Id="rId8" Type="http://schemas.openxmlformats.org/officeDocument/2006/relationships/tags" Target="../tags/tag174.xml"/><Relationship Id="rId3" Type="http://schemas.openxmlformats.org/officeDocument/2006/relationships/tags" Target="../tags/tag169.xml"/><Relationship Id="rId7" Type="http://schemas.openxmlformats.org/officeDocument/2006/relationships/tags" Target="../tags/tag173.xml"/><Relationship Id="rId2" Type="http://schemas.openxmlformats.org/officeDocument/2006/relationships/tags" Target="../tags/tag168.xml"/><Relationship Id="rId1" Type="http://schemas.openxmlformats.org/officeDocument/2006/relationships/tags" Target="../tags/tag167.xml"/><Relationship Id="rId6" Type="http://schemas.openxmlformats.org/officeDocument/2006/relationships/tags" Target="../tags/tag172.xml"/><Relationship Id="rId11" Type="http://schemas.openxmlformats.org/officeDocument/2006/relationships/slideMaster" Target="../slideMasters/slideMaster1.xml"/><Relationship Id="rId5" Type="http://schemas.openxmlformats.org/officeDocument/2006/relationships/tags" Target="../tags/tag171.xml"/><Relationship Id="rId10" Type="http://schemas.openxmlformats.org/officeDocument/2006/relationships/tags" Target="../tags/tag176.xml"/><Relationship Id="rId4" Type="http://schemas.openxmlformats.org/officeDocument/2006/relationships/tags" Target="../tags/tag170.xml"/><Relationship Id="rId9" Type="http://schemas.openxmlformats.org/officeDocument/2006/relationships/tags" Target="../tags/tag175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21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20.xml"/><Relationship Id="rId1" Type="http://schemas.openxmlformats.org/officeDocument/2006/relationships/tags" Target="../tags/tag19.xml"/><Relationship Id="rId6" Type="http://schemas.openxmlformats.org/officeDocument/2006/relationships/tags" Target="../tags/tag24.xml"/><Relationship Id="rId5" Type="http://schemas.openxmlformats.org/officeDocument/2006/relationships/tags" Target="../tags/tag23.xml"/><Relationship Id="rId4" Type="http://schemas.openxmlformats.org/officeDocument/2006/relationships/tags" Target="../tags/tag22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tags" Target="../tags/tag27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26.xml"/><Relationship Id="rId1" Type="http://schemas.openxmlformats.org/officeDocument/2006/relationships/tags" Target="../tags/tag25.xml"/><Relationship Id="rId6" Type="http://schemas.openxmlformats.org/officeDocument/2006/relationships/tags" Target="../tags/tag30.xml"/><Relationship Id="rId5" Type="http://schemas.openxmlformats.org/officeDocument/2006/relationships/tags" Target="../tags/tag29.xml"/><Relationship Id="rId4" Type="http://schemas.openxmlformats.org/officeDocument/2006/relationships/tags" Target="../tags/tag28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tags" Target="../tags/tag33.xml"/><Relationship Id="rId2" Type="http://schemas.openxmlformats.org/officeDocument/2006/relationships/tags" Target="../tags/tag32.xml"/><Relationship Id="rId1" Type="http://schemas.openxmlformats.org/officeDocument/2006/relationships/tags" Target="../tags/tag31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34.xml"/></Relationships>
</file>

<file path=ppt/slideLayouts/_rels/slideLayout6.xml.rels><?xml version="1.0" encoding="UTF-8" standalone="yes"?>
<Relationships xmlns="http://schemas.openxmlformats.org/package/2006/relationships"><Relationship Id="rId8" Type="http://schemas.openxmlformats.org/officeDocument/2006/relationships/slideMaster" Target="../slideMasters/slideMaster1.xml"/><Relationship Id="rId3" Type="http://schemas.openxmlformats.org/officeDocument/2006/relationships/tags" Target="../tags/tag37.xml"/><Relationship Id="rId7" Type="http://schemas.openxmlformats.org/officeDocument/2006/relationships/tags" Target="../tags/tag41.xml"/><Relationship Id="rId2" Type="http://schemas.openxmlformats.org/officeDocument/2006/relationships/tags" Target="../tags/tag36.xml"/><Relationship Id="rId1" Type="http://schemas.openxmlformats.org/officeDocument/2006/relationships/tags" Target="../tags/tag35.xml"/><Relationship Id="rId6" Type="http://schemas.openxmlformats.org/officeDocument/2006/relationships/tags" Target="../tags/tag40.xml"/><Relationship Id="rId5" Type="http://schemas.openxmlformats.org/officeDocument/2006/relationships/tags" Target="../tags/tag39.xml"/><Relationship Id="rId10" Type="http://schemas.openxmlformats.org/officeDocument/2006/relationships/image" Target="../media/image4.emf"/><Relationship Id="rId4" Type="http://schemas.openxmlformats.org/officeDocument/2006/relationships/tags" Target="../tags/tag38.xml"/><Relationship Id="rId9" Type="http://schemas.openxmlformats.org/officeDocument/2006/relationships/oleObject" Target="../embeddings/oleObject2.bin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tags" Target="../tags/tag44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43.xml"/><Relationship Id="rId1" Type="http://schemas.openxmlformats.org/officeDocument/2006/relationships/tags" Target="../tags/tag42.xml"/><Relationship Id="rId6" Type="http://schemas.openxmlformats.org/officeDocument/2006/relationships/tags" Target="../tags/tag47.xml"/><Relationship Id="rId5" Type="http://schemas.openxmlformats.org/officeDocument/2006/relationships/tags" Target="../tags/tag46.xml"/><Relationship Id="rId4" Type="http://schemas.openxmlformats.org/officeDocument/2006/relationships/tags" Target="../tags/tag45.xml"/></Relationships>
</file>

<file path=ppt/slideLayouts/_rels/slideLayout8.xml.rels><?xml version="1.0" encoding="UTF-8" standalone="yes"?>
<Relationships xmlns="http://schemas.openxmlformats.org/package/2006/relationships"><Relationship Id="rId8" Type="http://schemas.openxmlformats.org/officeDocument/2006/relationships/slideMaster" Target="../slideMasters/slideMaster1.xml"/><Relationship Id="rId3" Type="http://schemas.openxmlformats.org/officeDocument/2006/relationships/tags" Target="../tags/tag50.xml"/><Relationship Id="rId7" Type="http://schemas.openxmlformats.org/officeDocument/2006/relationships/tags" Target="../tags/tag54.xml"/><Relationship Id="rId2" Type="http://schemas.openxmlformats.org/officeDocument/2006/relationships/tags" Target="../tags/tag49.xml"/><Relationship Id="rId1" Type="http://schemas.openxmlformats.org/officeDocument/2006/relationships/tags" Target="../tags/tag48.xml"/><Relationship Id="rId6" Type="http://schemas.openxmlformats.org/officeDocument/2006/relationships/tags" Target="../tags/tag53.xml"/><Relationship Id="rId5" Type="http://schemas.openxmlformats.org/officeDocument/2006/relationships/tags" Target="../tags/tag52.xml"/><Relationship Id="rId4" Type="http://schemas.openxmlformats.org/officeDocument/2006/relationships/tags" Target="../tags/tag51.xml"/></Relationships>
</file>

<file path=ppt/slideLayouts/_rels/slideLayout9.xml.rels><?xml version="1.0" encoding="UTF-8" standalone="yes"?>
<Relationships xmlns="http://schemas.openxmlformats.org/package/2006/relationships"><Relationship Id="rId8" Type="http://schemas.openxmlformats.org/officeDocument/2006/relationships/tags" Target="../tags/tag62.xml"/><Relationship Id="rId3" Type="http://schemas.openxmlformats.org/officeDocument/2006/relationships/tags" Target="../tags/tag57.xml"/><Relationship Id="rId7" Type="http://schemas.openxmlformats.org/officeDocument/2006/relationships/tags" Target="../tags/tag61.xml"/><Relationship Id="rId2" Type="http://schemas.openxmlformats.org/officeDocument/2006/relationships/tags" Target="../tags/tag56.xml"/><Relationship Id="rId1" Type="http://schemas.openxmlformats.org/officeDocument/2006/relationships/tags" Target="../tags/tag55.xml"/><Relationship Id="rId6" Type="http://schemas.openxmlformats.org/officeDocument/2006/relationships/tags" Target="../tags/tag60.xml"/><Relationship Id="rId5" Type="http://schemas.openxmlformats.org/officeDocument/2006/relationships/tags" Target="../tags/tag59.xml"/><Relationship Id="rId4" Type="http://schemas.openxmlformats.org/officeDocument/2006/relationships/tags" Target="../tags/tag58.xml"/><Relationship Id="rId9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Select="1" noRot="1" noMove="1" noResize="1" noEditPoints="1" noAdjustHandles="1" noChangeArrowheads="1" noChangeShapeType="1" noTextEdit="1"/>
          </p:cNvSpPr>
          <p:nvPr>
            <p:ph type="ctrTitle"/>
            <p:custDataLst>
              <p:tags r:id="rId1"/>
            </p:custDataLst>
          </p:nvPr>
        </p:nvSpPr>
        <p:spPr>
          <a:xfrm>
            <a:off x="5284800" y="1312863"/>
            <a:ext cx="3542400" cy="1531543"/>
          </a:xfrm>
        </p:spPr>
        <p:txBody>
          <a:bodyPr anchor="b"/>
          <a:lstStyle>
            <a:lvl1pPr algn="r">
              <a:lnSpc>
                <a:spcPct val="85000"/>
              </a:lnSpc>
              <a:defRPr sz="3200"/>
            </a:lvl1pPr>
          </a:lstStyle>
          <a:p>
            <a:pPr lvl="0"/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3075" name="Rectangle 3"/>
          <p:cNvSpPr>
            <a:spLocks noGrp="1" noSelect="1" noRot="1" noMove="1" noResize="1" noEditPoints="1" noAdjustHandles="1" noChangeArrowheads="1" noChangeShapeType="1" noTextEdit="1"/>
          </p:cNvSpPr>
          <p:nvPr>
            <p:ph type="subTitle" idx="1"/>
            <p:custDataLst>
              <p:tags r:id="rId2"/>
            </p:custDataLst>
          </p:nvPr>
        </p:nvSpPr>
        <p:spPr>
          <a:xfrm>
            <a:off x="5283881" y="3025462"/>
            <a:ext cx="3543319" cy="684586"/>
          </a:xfr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rIns="0"/>
          <a:lstStyle>
            <a:lvl1pPr marL="0" indent="0" algn="r">
              <a:buFontTx/>
              <a:buNone/>
              <a:defRPr sz="1400"/>
            </a:lvl1pPr>
          </a:lstStyle>
          <a:p>
            <a:pPr lvl="0"/>
            <a:r>
              <a:rPr lang="en-US" noProof="0"/>
              <a:t>Click to edit Master subtitle style</a:t>
            </a:r>
            <a:endParaRPr lang="en-GB" noProof="0" dirty="0"/>
          </a:p>
        </p:txBody>
      </p:sp>
      <p:sp>
        <p:nvSpPr>
          <p:cNvPr id="7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3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8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4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9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5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6195219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placeholders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1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8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2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9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3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4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  <p:sp>
        <p:nvSpPr>
          <p:cNvPr id="10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0"/>
            <p:custDataLst>
              <p:tags r:id="rId5"/>
            </p:custDataLst>
          </p:nvPr>
        </p:nvSpPr>
        <p:spPr>
          <a:xfrm>
            <a:off x="4730400" y="1312223"/>
            <a:ext cx="4096800" cy="1396895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1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26"/>
            <p:custDataLst>
              <p:tags r:id="rId6"/>
            </p:custDataLst>
          </p:nvPr>
        </p:nvSpPr>
        <p:spPr>
          <a:xfrm>
            <a:off x="316801" y="1312223"/>
            <a:ext cx="4096800" cy="1396895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2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27"/>
            <p:custDataLst>
              <p:tags r:id="rId7"/>
            </p:custDataLst>
          </p:nvPr>
        </p:nvSpPr>
        <p:spPr>
          <a:xfrm>
            <a:off x="4729512" y="2873480"/>
            <a:ext cx="4096800" cy="1396895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5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28"/>
            <p:custDataLst>
              <p:tags r:id="rId8"/>
            </p:custDataLst>
          </p:nvPr>
        </p:nvSpPr>
        <p:spPr>
          <a:xfrm>
            <a:off x="315913" y="2873480"/>
            <a:ext cx="4096800" cy="1396895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1123697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 placeholders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1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33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/>
            <p:custDataLst>
              <p:tags r:id="rId2"/>
            </p:custDataLst>
          </p:nvPr>
        </p:nvSpPr>
        <p:spPr>
          <a:xfrm>
            <a:off x="316800" y="1312223"/>
            <a:ext cx="2623250" cy="1396895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34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0"/>
            <p:custDataLst>
              <p:tags r:id="rId3"/>
            </p:custDataLst>
          </p:nvPr>
        </p:nvSpPr>
        <p:spPr>
          <a:xfrm>
            <a:off x="3260375" y="1312223"/>
            <a:ext cx="2623250" cy="1396895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35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1"/>
            <p:custDataLst>
              <p:tags r:id="rId4"/>
            </p:custDataLst>
          </p:nvPr>
        </p:nvSpPr>
        <p:spPr>
          <a:xfrm>
            <a:off x="6203950" y="1312223"/>
            <a:ext cx="2623250" cy="1396895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37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2"/>
            <p:custDataLst>
              <p:tags r:id="rId5"/>
            </p:custDataLst>
          </p:nvPr>
        </p:nvSpPr>
        <p:spPr>
          <a:xfrm>
            <a:off x="316800" y="2873480"/>
            <a:ext cx="2623250" cy="1396895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38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3"/>
            <p:custDataLst>
              <p:tags r:id="rId6"/>
            </p:custDataLst>
          </p:nvPr>
        </p:nvSpPr>
        <p:spPr>
          <a:xfrm>
            <a:off x="3260375" y="2873480"/>
            <a:ext cx="2623250" cy="1396895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39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4"/>
            <p:custDataLst>
              <p:tags r:id="rId7"/>
            </p:custDataLst>
          </p:nvPr>
        </p:nvSpPr>
        <p:spPr>
          <a:xfrm>
            <a:off x="6203950" y="2873480"/>
            <a:ext cx="2623250" cy="1396895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5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8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6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9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7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10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9841619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mage background squa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14"/>
            <p:custDataLst>
              <p:tags r:id="rId1"/>
            </p:custDataLst>
          </p:nvPr>
        </p:nvSpPr>
        <p:spPr>
          <a:xfrm>
            <a:off x="0" y="0"/>
            <a:ext cx="9144000" cy="5143500"/>
          </a:xfr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1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2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GB"/>
              <a:t>PowerPoint Presentation</a:t>
            </a:r>
            <a:endParaRPr lang="en-GB" dirty="0"/>
          </a:p>
        </p:txBody>
      </p:sp>
      <p:sp>
        <p:nvSpPr>
          <p:cNvPr id="12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3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US"/>
              <a:t>Date</a:t>
            </a:r>
            <a:endParaRPr lang="en-GB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4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93507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top squa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14"/>
            <p:custDataLst>
              <p:tags r:id="rId1"/>
            </p:custDataLst>
          </p:nvPr>
        </p:nvSpPr>
        <p:spPr>
          <a:xfrm>
            <a:off x="0" y="0"/>
            <a:ext cx="9144000" cy="2648932"/>
          </a:xfr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8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25"/>
            <p:custDataLst>
              <p:tags r:id="rId2"/>
            </p:custDataLst>
          </p:nvPr>
        </p:nvSpPr>
        <p:spPr>
          <a:xfrm>
            <a:off x="316800" y="2873479"/>
            <a:ext cx="8510400" cy="1396895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3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3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GB"/>
              <a:t>PowerPoint Presentation</a:t>
            </a:r>
            <a:endParaRPr lang="en-GB" dirty="0"/>
          </a:p>
        </p:txBody>
      </p:sp>
      <p:sp>
        <p:nvSpPr>
          <p:cNvPr id="14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4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US"/>
              <a:t>Date</a:t>
            </a:r>
            <a:endParaRPr lang="en-GB" dirty="0"/>
          </a:p>
        </p:txBody>
      </p:sp>
      <p:sp>
        <p:nvSpPr>
          <p:cNvPr id="15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5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694263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middle squa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14"/>
            <p:custDataLst>
              <p:tags r:id="rId1"/>
            </p:custDataLst>
          </p:nvPr>
        </p:nvSpPr>
        <p:spPr>
          <a:xfrm>
            <a:off x="0" y="1312224"/>
            <a:ext cx="9144000" cy="2955788"/>
          </a:xfr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3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1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3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2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4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5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8174262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left squa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14"/>
            <p:custDataLst>
              <p:tags r:id="rId1"/>
            </p:custDataLst>
          </p:nvPr>
        </p:nvSpPr>
        <p:spPr>
          <a:xfrm>
            <a:off x="0" y="0"/>
            <a:ext cx="4566390" cy="5143500"/>
          </a:xfr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5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4873445" y="515420"/>
            <a:ext cx="3953755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4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1"/>
            <p:custDataLst>
              <p:tags r:id="rId3"/>
            </p:custDataLst>
          </p:nvPr>
        </p:nvSpPr>
        <p:spPr>
          <a:xfrm>
            <a:off x="4873445" y="1312223"/>
            <a:ext cx="3953755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8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6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4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20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100"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2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873445" y="103907"/>
            <a:ext cx="2199874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3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6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7697255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large rou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14"/>
            <p:custDataLst>
              <p:tags r:id="rId1"/>
            </p:custDataLst>
          </p:nvPr>
        </p:nvSpPr>
        <p:spPr>
          <a:xfrm>
            <a:off x="316800" y="1312224"/>
            <a:ext cx="8510400" cy="2955788"/>
          </a:xfrm>
          <a:prstGeom prst="roundRect">
            <a:avLst>
              <a:gd name="adj" fmla="val 4683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1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2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3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3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4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5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7780439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1/2 rou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14"/>
            <p:custDataLst>
              <p:tags r:id="rId1"/>
            </p:custDataLst>
          </p:nvPr>
        </p:nvSpPr>
        <p:spPr>
          <a:xfrm>
            <a:off x="4731411" y="1312224"/>
            <a:ext cx="4093768" cy="2955788"/>
          </a:xfrm>
          <a:prstGeom prst="roundRect">
            <a:avLst>
              <a:gd name="adj" fmla="val 3924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3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26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/>
            <p:custDataLst>
              <p:tags r:id="rId3"/>
            </p:custDataLst>
          </p:nvPr>
        </p:nvSpPr>
        <p:spPr>
          <a:xfrm>
            <a:off x="316801" y="1312223"/>
            <a:ext cx="4096800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2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4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5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5956652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1/3 rou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8"/>
            <p:custDataLst>
              <p:tags r:id="rId1"/>
            </p:custDataLst>
          </p:nvPr>
        </p:nvSpPr>
        <p:spPr>
          <a:xfrm>
            <a:off x="318821" y="1312223"/>
            <a:ext cx="5564631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6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14"/>
            <p:custDataLst>
              <p:tags r:id="rId2"/>
            </p:custDataLst>
          </p:nvPr>
        </p:nvSpPr>
        <p:spPr>
          <a:xfrm>
            <a:off x="6202272" y="1312224"/>
            <a:ext cx="2624927" cy="2955788"/>
          </a:xfrm>
          <a:prstGeom prst="roundRect">
            <a:avLst>
              <a:gd name="adj" fmla="val 4084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1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3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3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4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5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5316741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1/4 rou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27"/>
            <p:custDataLst>
              <p:tags r:id="rId1"/>
            </p:custDataLst>
          </p:nvPr>
        </p:nvSpPr>
        <p:spPr>
          <a:xfrm>
            <a:off x="6937200" y="1312224"/>
            <a:ext cx="1890000" cy="2955788"/>
          </a:xfrm>
          <a:prstGeom prst="roundRect">
            <a:avLst>
              <a:gd name="adj" fmla="val 5068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4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8"/>
            <p:custDataLst>
              <p:tags r:id="rId2"/>
            </p:custDataLst>
          </p:nvPr>
        </p:nvSpPr>
        <p:spPr>
          <a:xfrm>
            <a:off x="318821" y="1312223"/>
            <a:ext cx="6308887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11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3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3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5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6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4113151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rm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/>
            <p:custDataLst>
              <p:tags r:id="rId1"/>
            </p:custDataLst>
          </p:nvPr>
        </p:nvSpPr>
        <p:spPr>
          <a:xfrm>
            <a:off x="316800" y="1312223"/>
            <a:ext cx="8510400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1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7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3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8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4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9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5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0181182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images rou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8"/>
            <p:custDataLst>
              <p:tags r:id="rId1"/>
            </p:custDataLst>
          </p:nvPr>
        </p:nvSpPr>
        <p:spPr>
          <a:xfrm>
            <a:off x="318821" y="1312223"/>
            <a:ext cx="4099651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9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29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27"/>
            <p:custDataLst>
              <p:tags r:id="rId3"/>
            </p:custDataLst>
          </p:nvPr>
        </p:nvSpPr>
        <p:spPr>
          <a:xfrm>
            <a:off x="6937200" y="1312224"/>
            <a:ext cx="1890000" cy="2955788"/>
          </a:xfrm>
          <a:prstGeom prst="roundRect">
            <a:avLst>
              <a:gd name="adj" fmla="val 5068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30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28"/>
            <p:custDataLst>
              <p:tags r:id="rId4"/>
            </p:custDataLst>
          </p:nvPr>
        </p:nvSpPr>
        <p:spPr>
          <a:xfrm>
            <a:off x="4726874" y="1312222"/>
            <a:ext cx="1890000" cy="2955788"/>
          </a:xfrm>
          <a:prstGeom prst="roundRect">
            <a:avLst>
              <a:gd name="adj" fmla="val 5068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2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5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3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6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7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6836199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images rou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1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29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27"/>
            <p:custDataLst>
              <p:tags r:id="rId2"/>
            </p:custDataLst>
          </p:nvPr>
        </p:nvSpPr>
        <p:spPr>
          <a:xfrm>
            <a:off x="6937200" y="1312224"/>
            <a:ext cx="1890000" cy="2955788"/>
          </a:xfrm>
          <a:prstGeom prst="roundRect">
            <a:avLst>
              <a:gd name="adj" fmla="val 5068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30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28"/>
            <p:custDataLst>
              <p:tags r:id="rId3"/>
            </p:custDataLst>
          </p:nvPr>
        </p:nvSpPr>
        <p:spPr>
          <a:xfrm>
            <a:off x="4726874" y="1312222"/>
            <a:ext cx="1890000" cy="2955788"/>
          </a:xfrm>
          <a:prstGeom prst="roundRect">
            <a:avLst>
              <a:gd name="adj" fmla="val 5068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31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29"/>
            <p:custDataLst>
              <p:tags r:id="rId4"/>
            </p:custDataLst>
          </p:nvPr>
        </p:nvSpPr>
        <p:spPr>
          <a:xfrm>
            <a:off x="2521837" y="1312222"/>
            <a:ext cx="1890000" cy="2955788"/>
          </a:xfrm>
          <a:prstGeom prst="roundRect">
            <a:avLst>
              <a:gd name="adj" fmla="val 5068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32" name="Picture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pic" sz="quarter" idx="30"/>
            <p:custDataLst>
              <p:tags r:id="rId5"/>
            </p:custDataLst>
          </p:nvPr>
        </p:nvSpPr>
        <p:spPr>
          <a:xfrm>
            <a:off x="316800" y="1312222"/>
            <a:ext cx="1890000" cy="2955788"/>
          </a:xfrm>
          <a:prstGeom prst="roundRect">
            <a:avLst>
              <a:gd name="adj" fmla="val 5068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3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6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4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7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6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8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0804774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6:9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23"/>
            <p:custDataLst>
              <p:tags r:id="rId1"/>
            </p:custDataLst>
          </p:nvPr>
        </p:nvSpPr>
        <p:spPr>
          <a:xfrm>
            <a:off x="318821" y="1312223"/>
            <a:ext cx="2923653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13" name="Media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media" sz="quarter" idx="18" hasCustomPrompt="1"/>
            <p:custDataLst>
              <p:tags r:id="rId2"/>
            </p:custDataLst>
          </p:nvPr>
        </p:nvSpPr>
        <p:spPr>
          <a:xfrm>
            <a:off x="3578125" y="1309927"/>
            <a:ext cx="5258820" cy="2958085"/>
          </a:xfrm>
          <a:solidFill>
            <a:schemeClr val="accent6"/>
          </a:solidFill>
          <a:effectLst/>
        </p:spPr>
        <p:txBody>
          <a:bodyPr tIns="0" anchor="ctr" anchorCtr="0">
            <a:normAutofit/>
          </a:bodyPr>
          <a:lstStyle>
            <a:lvl1pPr marL="0" indent="0" algn="ctr">
              <a:buNone/>
              <a:defRPr sz="700">
                <a:solidFill>
                  <a:schemeClr val="bg1"/>
                </a:solidFill>
              </a:defRPr>
            </a:lvl1pPr>
          </a:lstStyle>
          <a:p>
            <a:r>
              <a:rPr lang="en-GB" noProof="0"/>
              <a:t>Click to add media size 16/9</a:t>
            </a:r>
          </a:p>
        </p:txBody>
      </p:sp>
      <p:sp>
        <p:nvSpPr>
          <p:cNvPr id="16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3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1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2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5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1111309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:3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Media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media" sz="quarter" idx="15" hasCustomPrompt="1"/>
            <p:custDataLst>
              <p:tags r:id="rId1"/>
            </p:custDataLst>
          </p:nvPr>
        </p:nvSpPr>
        <p:spPr>
          <a:xfrm>
            <a:off x="4891539" y="1309927"/>
            <a:ext cx="3945406" cy="2958085"/>
          </a:xfrm>
          <a:solidFill>
            <a:schemeClr val="accent6"/>
          </a:solidFill>
          <a:effectLst/>
        </p:spPr>
        <p:txBody>
          <a:bodyPr tIns="0" anchor="ctr" anchorCtr="0">
            <a:normAutofit/>
          </a:bodyPr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GB" noProof="0"/>
              <a:t>Click to add media size 4/3</a:t>
            </a:r>
          </a:p>
        </p:txBody>
      </p:sp>
      <p:sp>
        <p:nvSpPr>
          <p:cNvPr id="17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24"/>
            <p:custDataLst>
              <p:tags r:id="rId2"/>
            </p:custDataLst>
          </p:nvPr>
        </p:nvSpPr>
        <p:spPr>
          <a:xfrm>
            <a:off x="318821" y="1312223"/>
            <a:ext cx="4251592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6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3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2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3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6152007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deo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Media Placeholder 8"/>
          <p:cNvSpPr>
            <a:spLocks noGrp="1" noSelect="1" noRot="1" noMove="1" noResize="1" noEditPoints="1" noAdjustHandles="1" noChangeArrowheads="1" noChangeShapeType="1" noTextEdit="1"/>
          </p:cNvSpPr>
          <p:nvPr>
            <p:ph type="media" sz="quarter" idx="18" hasCustomPrompt="1"/>
            <p:custDataLst>
              <p:tags r:id="rId1"/>
            </p:custDataLst>
          </p:nvPr>
        </p:nvSpPr>
        <p:spPr>
          <a:xfrm>
            <a:off x="0" y="-1"/>
            <a:ext cx="9144000" cy="5143499"/>
          </a:xfrm>
          <a:solidFill>
            <a:schemeClr val="accent6"/>
          </a:solidFill>
          <a:effectLst/>
        </p:spPr>
        <p:txBody>
          <a:bodyPr tIns="0" anchor="ctr" anchorCtr="0">
            <a:normAutofit/>
          </a:bodyPr>
          <a:lstStyle>
            <a:lvl1pPr marL="0" indent="0" algn="ctr">
              <a:buNone/>
              <a:defRPr sz="700">
                <a:solidFill>
                  <a:schemeClr val="bg1"/>
                </a:solidFill>
              </a:defRPr>
            </a:lvl1pPr>
          </a:lstStyle>
          <a:p>
            <a:r>
              <a:rPr lang="en-GB" noProof="0"/>
              <a:t>Click to add media size 16:9</a:t>
            </a:r>
          </a:p>
        </p:txBody>
      </p:sp>
      <p:sp>
        <p:nvSpPr>
          <p:cNvPr id="11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2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GB"/>
              <a:t>PowerPoint Presentation</a:t>
            </a:r>
            <a:endParaRPr lang="en-GB" dirty="0"/>
          </a:p>
        </p:txBody>
      </p:sp>
      <p:sp>
        <p:nvSpPr>
          <p:cNvPr id="12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3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US"/>
              <a:t>Date</a:t>
            </a:r>
            <a:endParaRPr lang="en-GB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4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265096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lide Number Placeholder 2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10"/>
            <p:custDataLst>
              <p:tags r:id="rId2"/>
            </p:custDataLst>
          </p:nvPr>
        </p:nvSpPr>
        <p:spPr>
          <a:xfrm>
            <a:off x="8514822" y="105050"/>
            <a:ext cx="312378" cy="101600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  <p:sp>
        <p:nvSpPr>
          <p:cNvPr id="4" name="Footer Placeholder 3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11"/>
            <p:custDataLst>
              <p:tags r:id="rId3"/>
            </p:custDataLst>
          </p:nvPr>
        </p:nvSpPr>
        <p:spPr/>
        <p:txBody>
          <a:bodyPr/>
          <a:lstStyle/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5" name="Date Placeholder 4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12"/>
            <p:custDataLst>
              <p:tags r:id="rId4"/>
            </p:custDataLst>
          </p:nvPr>
        </p:nvSpPr>
        <p:spPr/>
        <p:txBody>
          <a:bodyPr/>
          <a:lstStyle/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5312161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10"/>
            <p:custDataLst>
              <p:tags r:id="rId1"/>
            </p:custDataLst>
          </p:nvPr>
        </p:nvSpPr>
        <p:spPr>
          <a:xfrm>
            <a:off x="8514822" y="105050"/>
            <a:ext cx="312378" cy="101600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  <p:sp>
        <p:nvSpPr>
          <p:cNvPr id="4" name="Footer Placeholder 3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11"/>
            <p:custDataLst>
              <p:tags r:id="rId2"/>
            </p:custDataLst>
          </p:nvPr>
        </p:nvSpPr>
        <p:spPr/>
        <p:txBody>
          <a:bodyPr/>
          <a:lstStyle/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5" name="Date Placeholder 4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12"/>
            <p:custDataLst>
              <p:tags r:id="rId3"/>
            </p:custDataLst>
          </p:nvPr>
        </p:nvSpPr>
        <p:spPr/>
        <p:txBody>
          <a:bodyPr/>
          <a:lstStyle/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3743289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port (Small text siz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/>
            <p:custDataLst>
              <p:tags r:id="rId1"/>
            </p:custDataLst>
          </p:nvPr>
        </p:nvSpPr>
        <p:spPr>
          <a:xfrm>
            <a:off x="316800" y="1312223"/>
            <a:ext cx="8510400" cy="2955789"/>
          </a:xfrm>
        </p:spPr>
        <p:txBody>
          <a:bodyPr/>
          <a:lstStyle>
            <a:lvl1pPr marL="180975" indent="-180975">
              <a:buClr>
                <a:schemeClr val="accent1"/>
              </a:buClr>
              <a:defRPr sz="1200">
                <a:solidFill>
                  <a:schemeClr val="accent2"/>
                </a:solidFill>
              </a:defRPr>
            </a:lvl1pPr>
            <a:lvl2pPr marL="357188" indent="-176213">
              <a:buClr>
                <a:schemeClr val="tx2"/>
              </a:buClr>
              <a:defRPr sz="1100">
                <a:solidFill>
                  <a:schemeClr val="accent2"/>
                </a:solidFill>
              </a:defRPr>
            </a:lvl2pPr>
            <a:lvl3pPr marL="538163" indent="-180975">
              <a:buClr>
                <a:schemeClr val="accent5"/>
              </a:buClr>
              <a:defRPr sz="1050">
                <a:solidFill>
                  <a:schemeClr val="accent2"/>
                </a:solidFill>
              </a:defRPr>
            </a:lvl3pPr>
            <a:lvl4pPr marL="719138" indent="-180975">
              <a:buClr>
                <a:schemeClr val="accent3"/>
              </a:buClr>
              <a:defRPr sz="1000">
                <a:solidFill>
                  <a:schemeClr val="accent2"/>
                </a:solidFill>
              </a:defRPr>
            </a:lvl4pPr>
            <a:lvl5pPr marL="896938" indent="-177800">
              <a:buClr>
                <a:srgbClr val="001423"/>
              </a:buClr>
              <a:defRPr sz="900">
                <a:solidFill>
                  <a:schemeClr val="accent2"/>
                </a:solidFill>
              </a:defRPr>
            </a:lvl5pPr>
            <a:lvl6pPr>
              <a:defRPr sz="1200"/>
            </a:lvl6pPr>
            <a:lvl7pPr>
              <a:defRPr sz="1200"/>
            </a:lvl7pPr>
            <a:lvl8pPr marL="180975" indent="-180975">
              <a:defRPr sz="1100"/>
            </a:lvl8pPr>
            <a:lvl9pPr marL="357188" indent="-176213">
              <a:defRPr sz="105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1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7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3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 dirty="0"/>
              <a:t>Presentation title</a:t>
            </a:r>
          </a:p>
        </p:txBody>
      </p:sp>
      <p:sp>
        <p:nvSpPr>
          <p:cNvPr id="8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4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 dirty="0"/>
              <a:t>Date</a:t>
            </a:r>
          </a:p>
        </p:txBody>
      </p:sp>
      <p:sp>
        <p:nvSpPr>
          <p:cNvPr id="9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5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5292168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argin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>
            <a:spLocks noGrp="1" noSelect="1" noRot="1" noMove="1" noResize="1" noEditPoints="1" noAdjustHandles="1" noChangeArrowheads="1" noChangeShapeType="1" noTextEdit="1"/>
          </p:cNvSpPr>
          <p:nvPr userDrawn="1">
            <p:custDataLst>
              <p:tags r:id="rId1"/>
            </p:custDataLst>
          </p:nvPr>
        </p:nvSpPr>
        <p:spPr bwMode="auto">
          <a:xfrm>
            <a:off x="316800" y="309039"/>
            <a:ext cx="8510400" cy="3958973"/>
          </a:xfrm>
          <a:prstGeom prst="rect">
            <a:avLst/>
          </a:prstGeom>
          <a:pattFill prst="wdUpDiag">
            <a:fgClr>
              <a:schemeClr val="bg2"/>
            </a:fgClr>
            <a:bgClr>
              <a:schemeClr val="bg1"/>
            </a:bgClr>
          </a:pattFill>
          <a:ln w="317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72000" tIns="72000" rIns="72000" bIns="720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12192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2400" b="1" i="0" u="none" strike="noStrike" cap="none" normalizeH="0" baseline="0" noProof="0">
              <a:ln>
                <a:noFill/>
              </a:ln>
              <a:solidFill>
                <a:srgbClr val="001965"/>
              </a:solidFill>
              <a:effectLst/>
              <a:latin typeface="Verdana" pitchFamily="34" charset="0"/>
            </a:endParaRPr>
          </a:p>
        </p:txBody>
      </p:sp>
      <p:sp>
        <p:nvSpPr>
          <p:cNvPr id="21" name="Title 6"/>
          <p:cNvSpPr txBox="1">
            <a:spLocks noGrp="1" noSelect="1" noRot="1" noMove="1" noResize="1" noEditPoints="1" noAdjustHandles="1" noChangeArrowheads="1" noChangeShapeType="1" noTextEdit="1"/>
          </p:cNvSpPr>
          <p:nvPr userDrawn="1">
            <p:custDataLst>
              <p:tags r:id="rId2"/>
            </p:custDataLst>
          </p:nvPr>
        </p:nvSpPr>
        <p:spPr bwMode="auto">
          <a:xfrm>
            <a:off x="318821" y="577310"/>
            <a:ext cx="8518124" cy="3914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defTabSz="877888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2400" b="1" baseline="0">
                <a:solidFill>
                  <a:srgbClr val="001965"/>
                </a:solidFill>
                <a:latin typeface="+mj-lt"/>
                <a:ea typeface="+mj-ea"/>
                <a:cs typeface="+mj-cs"/>
              </a:defRPr>
            </a:lvl1pPr>
            <a:lvl2pPr algn="l" defTabSz="877888" rtl="0" eaLnBrk="0" fontAlgn="base" hangingPunct="0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itchFamily="34" charset="0"/>
              </a:defRPr>
            </a:lvl2pPr>
            <a:lvl3pPr algn="l" defTabSz="877888" rtl="0" eaLnBrk="0" fontAlgn="base" hangingPunct="0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itchFamily="34" charset="0"/>
              </a:defRPr>
            </a:lvl3pPr>
            <a:lvl4pPr algn="l" defTabSz="877888" rtl="0" eaLnBrk="0" fontAlgn="base" hangingPunct="0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itchFamily="34" charset="0"/>
              </a:defRPr>
            </a:lvl4pPr>
            <a:lvl5pPr algn="l" defTabSz="877888" rtl="0" eaLnBrk="0" fontAlgn="base" hangingPunct="0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itchFamily="34" charset="0"/>
              </a:defRPr>
            </a:lvl5pPr>
            <a:lvl6pPr marL="329595" algn="l" defTabSz="878921" rtl="0" eaLnBrk="1" fontAlgn="base" hangingPunct="1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itchFamily="34" charset="0"/>
              </a:defRPr>
            </a:lvl6pPr>
            <a:lvl7pPr marL="659191" algn="l" defTabSz="878921" rtl="0" eaLnBrk="1" fontAlgn="base" hangingPunct="1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itchFamily="34" charset="0"/>
              </a:defRPr>
            </a:lvl7pPr>
            <a:lvl8pPr marL="988786" algn="l" defTabSz="878921" rtl="0" eaLnBrk="1" fontAlgn="base" hangingPunct="1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itchFamily="34" charset="0"/>
              </a:defRPr>
            </a:lvl8pPr>
            <a:lvl9pPr marL="1318382" algn="l" defTabSz="878921" rtl="0" eaLnBrk="1" fontAlgn="base" hangingPunct="1">
              <a:spcBef>
                <a:spcPct val="0"/>
              </a:spcBef>
              <a:spcAft>
                <a:spcPct val="0"/>
              </a:spcAft>
              <a:defRPr sz="2700" b="1">
                <a:solidFill>
                  <a:srgbClr val="001965"/>
                </a:solidFill>
                <a:latin typeface="Verdana" pitchFamily="34" charset="0"/>
              </a:defRPr>
            </a:lvl9pPr>
          </a:lstStyle>
          <a:p>
            <a:r>
              <a:rPr lang="en-GB" noProof="0" dirty="0"/>
              <a:t>Title</a:t>
            </a:r>
          </a:p>
        </p:txBody>
      </p:sp>
      <p:sp>
        <p:nvSpPr>
          <p:cNvPr id="15" name="TextBox 14"/>
          <p:cNvSpPr txBox="1">
            <a:spLocks noGrp="1" noSelect="1" noRot="1" noMove="1" noResize="1" noEditPoints="1" noAdjustHandles="1" noChangeArrowheads="1" noChangeShapeType="1" noTextEdit="1"/>
          </p:cNvSpPr>
          <p:nvPr userDrawn="1">
            <p:custDataLst>
              <p:tags r:id="rId3"/>
            </p:custDataLst>
          </p:nvPr>
        </p:nvSpPr>
        <p:spPr>
          <a:xfrm>
            <a:off x="2748809" y="2524536"/>
            <a:ext cx="363337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200" b="0" noProof="0" dirty="0">
                <a:solidFill>
                  <a:schemeClr val="accent5"/>
                </a:solidFill>
              </a:rPr>
              <a:t>Keep all content in this area</a:t>
            </a:r>
          </a:p>
        </p:txBody>
      </p:sp>
      <p:sp>
        <p:nvSpPr>
          <p:cNvPr id="28" name="TextBox 27"/>
          <p:cNvSpPr txBox="1">
            <a:spLocks noGrp="1" noSelect="1" noRot="1" noMove="1" noResize="1" noEditPoints="1" noAdjustHandles="1" noChangeArrowheads="1" noChangeShapeType="1" noTextEdit="1"/>
          </p:cNvSpPr>
          <p:nvPr userDrawn="1">
            <p:custDataLst>
              <p:tags r:id="rId4"/>
            </p:custDataLst>
          </p:nvPr>
        </p:nvSpPr>
        <p:spPr>
          <a:xfrm>
            <a:off x="318820" y="1312223"/>
            <a:ext cx="851812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GB" noProof="0"/>
          </a:p>
        </p:txBody>
      </p:sp>
      <p:sp>
        <p:nvSpPr>
          <p:cNvPr id="30" name="Rectangle 29"/>
          <p:cNvSpPr>
            <a:spLocks noGrp="1" noSelect="1" noRot="1" noMove="1" noResize="1" noEditPoints="1" noAdjustHandles="1" noChangeArrowheads="1" noChangeShapeType="1" noTextEdit="1"/>
          </p:cNvSpPr>
          <p:nvPr userDrawn="1">
            <p:custDataLst>
              <p:tags r:id="rId5"/>
            </p:custDataLst>
          </p:nvPr>
        </p:nvSpPr>
        <p:spPr bwMode="auto">
          <a:xfrm>
            <a:off x="316800" y="1312222"/>
            <a:ext cx="8510401" cy="2955789"/>
          </a:xfrm>
          <a:prstGeom prst="rect">
            <a:avLst/>
          </a:prstGeom>
          <a:noFill/>
          <a:ln w="3175" cap="flat" cmpd="sng" algn="ctr">
            <a:solidFill>
              <a:schemeClr val="accent5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269875" marR="0" indent="-269875" algn="l" defTabSz="12192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>
                <a:schemeClr val="accent1"/>
              </a:buClr>
              <a:buSzTx/>
              <a:buFont typeface="Arial" pitchFamily="34" charset="0"/>
              <a:buChar char="•"/>
              <a:tabLst/>
            </a:pPr>
            <a:r>
              <a:rPr kumimoji="0" lang="en-GB" sz="1800" b="0" i="0" u="none" strike="noStrike" cap="none" normalizeH="0" baseline="0" noProof="0" dirty="0">
                <a:ln>
                  <a:noFill/>
                </a:ln>
                <a:solidFill>
                  <a:srgbClr val="001965"/>
                </a:solidFill>
                <a:effectLst/>
                <a:latin typeface="Verdana" pitchFamily="34" charset="0"/>
              </a:rPr>
              <a:t>Content area</a:t>
            </a:r>
          </a:p>
        </p:txBody>
      </p:sp>
      <p:sp>
        <p:nvSpPr>
          <p:cNvPr id="31" name="TextBox 30"/>
          <p:cNvSpPr txBox="1">
            <a:spLocks noGrp="1" noSelect="1" noRot="1" noMove="1" noResize="1" noEditPoints="1" noAdjustHandles="1" noChangeArrowheads="1" noChangeShapeType="1" noTextEdit="1"/>
          </p:cNvSpPr>
          <p:nvPr userDrawn="1">
            <p:custDataLst>
              <p:tags r:id="rId6"/>
            </p:custDataLst>
          </p:nvPr>
        </p:nvSpPr>
        <p:spPr>
          <a:xfrm>
            <a:off x="316800" y="964459"/>
            <a:ext cx="457200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GB" sz="1200" b="0" noProof="0" dirty="0">
                <a:solidFill>
                  <a:schemeClr val="accent5"/>
                </a:solidFill>
              </a:rPr>
              <a:t>Keep</a:t>
            </a:r>
            <a:r>
              <a:rPr lang="en-GB" sz="1200" b="0" baseline="0" noProof="0" dirty="0">
                <a:solidFill>
                  <a:schemeClr val="accent5"/>
                </a:solidFill>
              </a:rPr>
              <a:t> all titles, </a:t>
            </a:r>
            <a:r>
              <a:rPr lang="en-GB" sz="1200" b="0" baseline="0" noProof="0" dirty="0" err="1">
                <a:solidFill>
                  <a:schemeClr val="accent5"/>
                </a:solidFill>
              </a:rPr>
              <a:t>trompets</a:t>
            </a:r>
            <a:r>
              <a:rPr lang="en-GB" sz="1200" b="0" baseline="0" noProof="0" dirty="0">
                <a:solidFill>
                  <a:schemeClr val="accent5"/>
                </a:solidFill>
              </a:rPr>
              <a:t> and subtitles in this area</a:t>
            </a:r>
            <a:endParaRPr lang="en-GB" sz="1200" b="0" noProof="0" dirty="0">
              <a:solidFill>
                <a:schemeClr val="accent5"/>
              </a:solidFill>
            </a:endParaRPr>
          </a:p>
        </p:txBody>
      </p:sp>
      <p:sp>
        <p:nvSpPr>
          <p:cNvPr id="32" name="TextBox 31"/>
          <p:cNvSpPr txBox="1">
            <a:spLocks noGrp="1" noSelect="1" noRot="1" noMove="1" noResize="1" noEditPoints="1" noAdjustHandles="1" noChangeArrowheads="1" noChangeShapeType="1" noTextEdit="1"/>
          </p:cNvSpPr>
          <p:nvPr userDrawn="1">
            <p:custDataLst>
              <p:tags r:id="rId7"/>
            </p:custDataLst>
          </p:nvPr>
        </p:nvSpPr>
        <p:spPr>
          <a:xfrm>
            <a:off x="4919812" y="329740"/>
            <a:ext cx="390919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GB" sz="1200" b="0" noProof="0">
                <a:solidFill>
                  <a:schemeClr val="accent5"/>
                </a:solidFill>
              </a:rPr>
              <a:t>Never</a:t>
            </a:r>
            <a:r>
              <a:rPr lang="en-GB" sz="1200" b="0" baseline="0" noProof="0">
                <a:solidFill>
                  <a:schemeClr val="accent5"/>
                </a:solidFill>
              </a:rPr>
              <a:t> move Footer, Date and No placeholders</a:t>
            </a:r>
            <a:endParaRPr lang="en-GB" sz="1200" b="0" noProof="0">
              <a:solidFill>
                <a:schemeClr val="accent5"/>
              </a:solidFill>
            </a:endParaRPr>
          </a:p>
        </p:txBody>
      </p:sp>
      <p:sp>
        <p:nvSpPr>
          <p:cNvPr id="16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8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7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9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8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10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445488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6043365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omp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3"/>
          <p:cNvSpPr>
            <a:spLocks noGrp="1" noSelect="1" noRot="1" noMove="1" noResize="1" noEditPoints="1" noAdjustHandles="1" noChangeArrowheads="1" noChangeShapeType="1" noTextEdit="1"/>
          </p:cNvSpPr>
          <p:nvPr>
            <p:ph type="subTitle" idx="14" hasCustomPrompt="1"/>
            <p:custDataLst>
              <p:tags r:id="rId1"/>
            </p:custDataLst>
          </p:nvPr>
        </p:nvSpPr>
        <p:spPr>
          <a:xfrm>
            <a:off x="316800" y="385925"/>
            <a:ext cx="8510400" cy="128640"/>
          </a:xfr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wrap="none" lIns="18000" anchor="ctr" anchorCtr="0">
            <a:noAutofit/>
          </a:bodyPr>
          <a:lstStyle>
            <a:lvl1pPr marL="0" indent="0" algn="l">
              <a:buFontTx/>
              <a:buNone/>
              <a:defRPr sz="1100" baseline="0"/>
            </a:lvl1pPr>
          </a:lstStyle>
          <a:p>
            <a:pPr lvl="0"/>
            <a:r>
              <a:rPr lang="en-GB" noProof="0" dirty="0"/>
              <a:t>Insert </a:t>
            </a:r>
            <a:r>
              <a:rPr lang="en-GB" noProof="0" dirty="0" err="1"/>
              <a:t>trompet</a:t>
            </a:r>
            <a:endParaRPr lang="en-GB" noProof="0" dirty="0"/>
          </a:p>
        </p:txBody>
      </p:sp>
      <p:sp>
        <p:nvSpPr>
          <p:cNvPr id="10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9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/>
            <p:custDataLst>
              <p:tags r:id="rId3"/>
            </p:custDataLst>
          </p:nvPr>
        </p:nvSpPr>
        <p:spPr>
          <a:xfrm>
            <a:off x="316800" y="1312223"/>
            <a:ext cx="8510400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4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5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6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3231054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3"/>
          <p:cNvSpPr>
            <a:spLocks noGrp="1" noSelect="1" noRot="1" noMove="1" noResize="1" noEditPoints="1" noAdjustHandles="1" noChangeArrowheads="1" noChangeShapeType="1" noTextEdit="1"/>
          </p:cNvSpPr>
          <p:nvPr>
            <p:ph type="subTitle" idx="14" hasCustomPrompt="1"/>
            <p:custDataLst>
              <p:tags r:id="rId1"/>
            </p:custDataLst>
          </p:nvPr>
        </p:nvSpPr>
        <p:spPr>
          <a:xfrm>
            <a:off x="316800" y="906832"/>
            <a:ext cx="8510400" cy="199726"/>
          </a:xfr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wrap="none" lIns="18000" anchor="ctr" anchorCtr="0"/>
          <a:lstStyle>
            <a:lvl1pPr marL="0" indent="0" algn="l">
              <a:buFontTx/>
              <a:buNone/>
              <a:defRPr sz="1100" baseline="0"/>
            </a:lvl1pPr>
          </a:lstStyle>
          <a:p>
            <a:pPr lvl="0"/>
            <a:r>
              <a:rPr lang="en-GB" noProof="0" dirty="0"/>
              <a:t>Insert subtitle</a:t>
            </a:r>
          </a:p>
        </p:txBody>
      </p:sp>
      <p:sp>
        <p:nvSpPr>
          <p:cNvPr id="13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9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/>
            <p:custDataLst>
              <p:tags r:id="rId3"/>
            </p:custDataLst>
          </p:nvPr>
        </p:nvSpPr>
        <p:spPr>
          <a:xfrm>
            <a:off x="316800" y="1312223"/>
            <a:ext cx="8510400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4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5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6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1086559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1"/>
            </p:custDataLst>
          </p:nvPr>
        </p:nvSpPr>
        <p:spPr>
          <a:xfrm>
            <a:off x="318821" y="515420"/>
            <a:ext cx="6692499" cy="3754955"/>
          </a:xfrm>
        </p:spPr>
        <p:txBody>
          <a:bodyPr tIns="57600" anchor="t"/>
          <a:lstStyle>
            <a:lvl1pPr>
              <a:lnSpc>
                <a:spcPct val="90000"/>
              </a:lnSpc>
              <a:defRPr sz="6000" spc="-15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9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2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0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3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1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4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4694272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placehold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E0EC49E3-ADBB-407B-ACEF-1B35D71AD537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71177655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9" imgW="344" imgH="345" progId="TCLayout.ActiveDocument.1">
                  <p:embed/>
                </p:oleObj>
              </mc:Choice>
              <mc:Fallback>
                <p:oleObj name="think-cell Slide" r:id="rId9" imgW="344" imgH="345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E0EC49E3-ADBB-407B-ACEF-1B35D71AD53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0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8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2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36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/>
            <p:custDataLst>
              <p:tags r:id="rId3"/>
            </p:custDataLst>
          </p:nvPr>
        </p:nvSpPr>
        <p:spPr>
          <a:xfrm>
            <a:off x="316801" y="1312223"/>
            <a:ext cx="4096800" cy="2955789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37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0"/>
            <p:custDataLst>
              <p:tags r:id="rId4"/>
            </p:custDataLst>
          </p:nvPr>
        </p:nvSpPr>
        <p:spPr>
          <a:xfrm>
            <a:off x="4730400" y="1312223"/>
            <a:ext cx="4096800" cy="2955600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8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5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1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6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3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7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5434284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placeholders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1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24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/>
            <p:custDataLst>
              <p:tags r:id="rId2"/>
            </p:custDataLst>
          </p:nvPr>
        </p:nvSpPr>
        <p:spPr>
          <a:xfrm>
            <a:off x="316800" y="1312223"/>
            <a:ext cx="8510400" cy="1396895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25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25"/>
            <p:custDataLst>
              <p:tags r:id="rId3"/>
            </p:custDataLst>
          </p:nvPr>
        </p:nvSpPr>
        <p:spPr>
          <a:xfrm>
            <a:off x="316800" y="2873479"/>
            <a:ext cx="8510400" cy="1396895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2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3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4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1307860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placehold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1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27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/>
            <p:custDataLst>
              <p:tags r:id="rId2"/>
            </p:custDataLst>
          </p:nvPr>
        </p:nvSpPr>
        <p:spPr>
          <a:xfrm>
            <a:off x="316800" y="1312223"/>
            <a:ext cx="2623250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28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0"/>
            <p:custDataLst>
              <p:tags r:id="rId3"/>
            </p:custDataLst>
          </p:nvPr>
        </p:nvSpPr>
        <p:spPr>
          <a:xfrm>
            <a:off x="3260375" y="1312223"/>
            <a:ext cx="2623250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29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1"/>
            <p:custDataLst>
              <p:tags r:id="rId4"/>
            </p:custDataLst>
          </p:nvPr>
        </p:nvSpPr>
        <p:spPr>
          <a:xfrm>
            <a:off x="6203950" y="1312223"/>
            <a:ext cx="2623250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9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5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20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6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21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7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5908753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placehold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1"/>
            </p:custDataLst>
          </p:nvPr>
        </p:nvSpPr>
        <p:spPr>
          <a:xfrm>
            <a:off x="316800" y="515420"/>
            <a:ext cx="8510400" cy="391412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37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/>
            <p:custDataLst>
              <p:tags r:id="rId2"/>
            </p:custDataLst>
          </p:nvPr>
        </p:nvSpPr>
        <p:spPr>
          <a:xfrm>
            <a:off x="316800" y="1312223"/>
            <a:ext cx="1888237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38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0"/>
            <p:custDataLst>
              <p:tags r:id="rId3"/>
            </p:custDataLst>
          </p:nvPr>
        </p:nvSpPr>
        <p:spPr>
          <a:xfrm>
            <a:off x="2521837" y="1312223"/>
            <a:ext cx="1888237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39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1"/>
            <p:custDataLst>
              <p:tags r:id="rId4"/>
            </p:custDataLst>
          </p:nvPr>
        </p:nvSpPr>
        <p:spPr>
          <a:xfrm>
            <a:off x="4726874" y="1312223"/>
            <a:ext cx="1888237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40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2"/>
            <p:custDataLst>
              <p:tags r:id="rId5"/>
            </p:custDataLst>
          </p:nvPr>
        </p:nvSpPr>
        <p:spPr>
          <a:xfrm>
            <a:off x="6938963" y="1312223"/>
            <a:ext cx="1888237" cy="2955789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4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2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1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05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000"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4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6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5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7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6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8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1006688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image" Target="../media/image1.emf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ags" Target="../tags/tag5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tags" Target="../tags/tag4.xml"/><Relationship Id="rId38" Type="http://schemas.openxmlformats.org/officeDocument/2006/relationships/oleObject" Target="../embeddings/oleObject1.bin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image" Target="../media/image3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tags" Target="../tags/tag3.xml"/><Relationship Id="rId37" Type="http://schemas.openxmlformats.org/officeDocument/2006/relationships/tags" Target="../tags/tag8.xml"/><Relationship Id="rId40" Type="http://schemas.openxmlformats.org/officeDocument/2006/relationships/image" Target="../media/image2.pn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7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theme" Target="../theme/theme1.xml"/><Relationship Id="rId35" Type="http://schemas.openxmlformats.org/officeDocument/2006/relationships/tags" Target="../tags/tag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 userDrawn="1">
            <p:custDataLst>
              <p:tags r:id="rId31"/>
            </p:custDataLst>
            <p:extLst>
              <p:ext uri="{D42A27DB-BD31-4B8C-83A1-F6EECF244321}">
                <p14:modId xmlns:p14="http://schemas.microsoft.com/office/powerpoint/2010/main" val="268411342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8" imgW="270" imgH="270" progId="TCLayout.ActiveDocument.1">
                  <p:embed/>
                </p:oleObj>
              </mc:Choice>
              <mc:Fallback>
                <p:oleObj name="think-cell Slide" r:id="rId38" imgW="270" imgH="270" progId="TCLayout.ActiveDocument.1">
                  <p:embed/>
                  <p:pic>
                    <p:nvPicPr>
                      <p:cNvPr id="4" name="Object 3" hidden="1"/>
                      <p:cNvPicPr/>
                      <p:nvPr/>
                    </p:nvPicPr>
                    <p:blipFill>
                      <a:blip r:embed="rId3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4" name="Rectangle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32"/>
            </p:custDataLst>
          </p:nvPr>
        </p:nvSpPr>
        <p:spPr bwMode="auto">
          <a:xfrm>
            <a:off x="8514822" y="105050"/>
            <a:ext cx="31237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  <p:sp>
        <p:nvSpPr>
          <p:cNvPr id="3" name="Tex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type="body" idx="1"/>
            <p:custDataLst>
              <p:tags r:id="rId33"/>
            </p:custDataLst>
          </p:nvPr>
        </p:nvSpPr>
        <p:spPr>
          <a:xfrm>
            <a:off x="316800" y="1312222"/>
            <a:ext cx="8510400" cy="2955790"/>
          </a:xfrm>
          <a:prstGeom prst="rect">
            <a:avLst/>
          </a:prstGeom>
        </p:spPr>
        <p:txBody>
          <a:bodyPr vert="horz" lIns="0" tIns="0" rIns="216000" bIns="0" rtlCol="0">
            <a:normAutofit/>
          </a:bodyPr>
          <a:lstStyle/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  <a:p>
            <a:pPr lvl="5"/>
            <a:r>
              <a:rPr lang="en-GB" noProof="0" dirty="0"/>
              <a:t>Level 6 no bullet 18</a:t>
            </a:r>
          </a:p>
          <a:p>
            <a:pPr lvl="6"/>
            <a:r>
              <a:rPr lang="en-GB" noProof="0" dirty="0"/>
              <a:t>Level 7 no bullet 14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 </a:t>
            </a:r>
          </a:p>
        </p:txBody>
      </p:sp>
      <p:sp>
        <p:nvSpPr>
          <p:cNvPr id="2" name="Title Placeholder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34"/>
            </p:custDataLst>
          </p:nvPr>
        </p:nvSpPr>
        <p:spPr>
          <a:xfrm>
            <a:off x="316800" y="515420"/>
            <a:ext cx="8510400" cy="391412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/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3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35"/>
            </p:custDataLst>
          </p:nvPr>
        </p:nvSpPr>
        <p:spPr bwMode="auto">
          <a:xfrm>
            <a:off x="4172956" y="103907"/>
            <a:ext cx="2900363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5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36"/>
            </p:custDataLst>
          </p:nvPr>
        </p:nvSpPr>
        <p:spPr bwMode="auto">
          <a:xfrm>
            <a:off x="7187153" y="103907"/>
            <a:ext cx="1201738" cy="101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7F26F652-7B51-492B-A0CD-0CE9CE92E9D8}"/>
              </a:ext>
            </a:extLst>
          </p:cNvPr>
          <p:cNvPicPr>
            <a:picLocks noGrp="1" noSelect="1" noRot="1" noMove="1" noResize="1" noEditPoints="1" noAdjustHandles="1" noChangeArrowheads="1" noChangeShapeType="1"/>
          </p:cNvPicPr>
          <p:nvPr userDrawn="1">
            <p:custDataLst>
              <p:tags r:id="rId37"/>
            </p:custDataLst>
          </p:nvPr>
        </p:nvPicPr>
        <p:blipFill>
          <a:blip r:embed="rId40"/>
          <a:stretch>
            <a:fillRect/>
          </a:stretch>
        </p:blipFill>
        <p:spPr>
          <a:xfrm>
            <a:off x="8234476" y="4412594"/>
            <a:ext cx="595222" cy="425956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0E2A46F7-194C-4BA9-B36F-034F6B5FAFA6}"/>
              </a:ext>
            </a:extLst>
          </p:cNvPr>
          <p:cNvPicPr>
            <a:picLocks noChangeAspect="1"/>
          </p:cNvPicPr>
          <p:nvPr userDrawn="1"/>
        </p:nvPicPr>
        <p:blipFill>
          <a:blip r:embed="rId41"/>
          <a:stretch>
            <a:fillRect/>
          </a:stretch>
        </p:blipFill>
        <p:spPr>
          <a:xfrm>
            <a:off x="178595" y="4528461"/>
            <a:ext cx="909635" cy="4548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763319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4" r:id="rId1"/>
    <p:sldLayoutId id="2147483660" r:id="rId2"/>
    <p:sldLayoutId id="2147483686" r:id="rId3"/>
    <p:sldLayoutId id="2147483687" r:id="rId4"/>
    <p:sldLayoutId id="2147483665" r:id="rId5"/>
    <p:sldLayoutId id="2147483666" r:id="rId6"/>
    <p:sldLayoutId id="2147483667" r:id="rId7"/>
    <p:sldLayoutId id="2147483685" r:id="rId8"/>
    <p:sldLayoutId id="2147483670" r:id="rId9"/>
    <p:sldLayoutId id="2147483668" r:id="rId10"/>
    <p:sldLayoutId id="2147483669" r:id="rId11"/>
    <p:sldLayoutId id="2147483671" r:id="rId12"/>
    <p:sldLayoutId id="2147483672" r:id="rId13"/>
    <p:sldLayoutId id="2147483673" r:id="rId14"/>
    <p:sldLayoutId id="2147483674" r:id="rId15"/>
    <p:sldLayoutId id="2147483675" r:id="rId16"/>
    <p:sldLayoutId id="2147483676" r:id="rId17"/>
    <p:sldLayoutId id="2147483677" r:id="rId18"/>
    <p:sldLayoutId id="2147483678" r:id="rId19"/>
    <p:sldLayoutId id="2147483679" r:id="rId20"/>
    <p:sldLayoutId id="2147483680" r:id="rId21"/>
    <p:sldLayoutId id="2147483681" r:id="rId22"/>
    <p:sldLayoutId id="2147483682" r:id="rId23"/>
    <p:sldLayoutId id="2147483683" r:id="rId24"/>
    <p:sldLayoutId id="2147483688" r:id="rId25"/>
    <p:sldLayoutId id="2147483689" r:id="rId26"/>
    <p:sldLayoutId id="2147483690" r:id="rId27"/>
    <p:sldLayoutId id="2147483684" r:id="rId28"/>
    <p:sldLayoutId id="2147483691" r:id="rId29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hf hdr="0"/>
  <p:txStyles>
    <p:titleStyle>
      <a:lvl1pPr algn="l" defTabSz="914400" rtl="0" eaLnBrk="1" latinLnBrk="0" hangingPunct="1">
        <a:spcBef>
          <a:spcPct val="0"/>
        </a:spcBef>
        <a:buNone/>
        <a:defRPr sz="2400" b="1" kern="1200">
          <a:solidFill>
            <a:schemeClr val="accent2"/>
          </a:solidFill>
          <a:latin typeface="+mj-lt"/>
          <a:ea typeface="+mj-ea"/>
          <a:cs typeface="+mj-cs"/>
        </a:defRPr>
      </a:lvl1pPr>
    </p:titleStyle>
    <p:bodyStyle>
      <a:lvl1pPr marL="265113" indent="-265113" algn="l" defTabSz="914400" rtl="0" eaLnBrk="1" latinLnBrk="0" hangingPunct="1">
        <a:spcBef>
          <a:spcPct val="20000"/>
        </a:spcBef>
        <a:buClr>
          <a:schemeClr val="accent1"/>
        </a:buClr>
        <a:buFont typeface="Verdana" pitchFamily="34" charset="0"/>
        <a:buChar char="•"/>
        <a:defRPr sz="1800" kern="1200">
          <a:solidFill>
            <a:schemeClr val="accent2"/>
          </a:solidFill>
          <a:latin typeface="+mn-lt"/>
          <a:ea typeface="+mn-ea"/>
          <a:cs typeface="+mn-cs"/>
        </a:defRPr>
      </a:lvl1pPr>
      <a:lvl2pPr marL="536575" indent="-271463" algn="l" defTabSz="914400" rtl="0" eaLnBrk="1" latinLnBrk="0" hangingPunct="1">
        <a:spcBef>
          <a:spcPct val="20000"/>
        </a:spcBef>
        <a:buClr>
          <a:schemeClr val="tx2"/>
        </a:buClr>
        <a:buFont typeface="Verdana" pitchFamily="34" charset="0"/>
        <a:buChar char="•"/>
        <a:defRPr sz="1600" kern="1200">
          <a:solidFill>
            <a:schemeClr val="accent2"/>
          </a:solidFill>
          <a:latin typeface="+mn-lt"/>
          <a:ea typeface="+mn-ea"/>
          <a:cs typeface="+mn-cs"/>
        </a:defRPr>
      </a:lvl2pPr>
      <a:lvl3pPr marL="808038" indent="-271463" algn="l" defTabSz="914400" rtl="0" eaLnBrk="1" latinLnBrk="0" hangingPunct="1">
        <a:spcBef>
          <a:spcPct val="20000"/>
        </a:spcBef>
        <a:buClr>
          <a:schemeClr val="accent5"/>
        </a:buClr>
        <a:buFont typeface="Verdana" pitchFamily="34" charset="0"/>
        <a:buChar char="•"/>
        <a:defRPr sz="1400" kern="1200">
          <a:solidFill>
            <a:schemeClr val="accent2"/>
          </a:solidFill>
          <a:latin typeface="+mn-lt"/>
          <a:ea typeface="+mn-ea"/>
          <a:cs typeface="+mn-cs"/>
        </a:defRPr>
      </a:lvl3pPr>
      <a:lvl4pPr marL="985838" indent="-177800" algn="l" defTabSz="914400" rtl="0" eaLnBrk="1" latinLnBrk="0" hangingPunct="1">
        <a:spcBef>
          <a:spcPct val="20000"/>
        </a:spcBef>
        <a:buClr>
          <a:schemeClr val="accent3"/>
        </a:buClr>
        <a:buFont typeface="Verdana" pitchFamily="34" charset="0"/>
        <a:buChar char="•"/>
        <a:defRPr sz="1200" kern="1200">
          <a:solidFill>
            <a:schemeClr val="accent2"/>
          </a:solidFill>
          <a:latin typeface="+mn-lt"/>
          <a:ea typeface="+mn-ea"/>
          <a:cs typeface="+mn-cs"/>
        </a:defRPr>
      </a:lvl4pPr>
      <a:lvl5pPr marL="1257300" indent="-184150" algn="l" defTabSz="914400" rtl="0" eaLnBrk="1" latinLnBrk="0" hangingPunct="1">
        <a:spcBef>
          <a:spcPct val="20000"/>
        </a:spcBef>
        <a:buClr>
          <a:srgbClr val="001423"/>
        </a:buClr>
        <a:buFont typeface="Verdana" pitchFamily="34" charset="0"/>
        <a:buChar char="•"/>
        <a:defRPr sz="1100" kern="1200">
          <a:solidFill>
            <a:schemeClr val="accent2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spcBef>
          <a:spcPct val="20000"/>
        </a:spcBef>
        <a:spcAft>
          <a:spcPts val="0"/>
        </a:spcAft>
        <a:buFont typeface="Arial" panose="020B0604020202020204" pitchFamily="34" charset="0"/>
        <a:buChar char="​"/>
        <a:defRPr sz="1800" b="1" kern="1200">
          <a:solidFill>
            <a:schemeClr val="accent1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spcBef>
          <a:spcPct val="20000"/>
        </a:spcBef>
        <a:spcAft>
          <a:spcPts val="0"/>
        </a:spcAft>
        <a:buFont typeface="Arial" panose="020B0604020202020204" pitchFamily="34" charset="0"/>
        <a:buChar char="​"/>
        <a:defRPr sz="1800" kern="1200">
          <a:solidFill>
            <a:schemeClr val="accent2"/>
          </a:solidFill>
          <a:latin typeface="+mn-lt"/>
          <a:ea typeface="+mn-ea"/>
          <a:cs typeface="+mn-cs"/>
        </a:defRPr>
      </a:lvl7pPr>
      <a:lvl8pPr marL="268288" indent="-268288" algn="l" defTabSz="914400" rtl="0" eaLnBrk="1" latinLnBrk="0" hangingPunct="1">
        <a:spcBef>
          <a:spcPct val="20000"/>
        </a:spcBef>
        <a:spcAft>
          <a:spcPts val="0"/>
        </a:spcAft>
        <a:buClr>
          <a:schemeClr val="tx2"/>
        </a:buClr>
        <a:buSzPct val="80000"/>
        <a:buFont typeface="+mj-lt"/>
        <a:buAutoNum type="arabicParenR"/>
        <a:defRPr sz="1600" kern="1200">
          <a:solidFill>
            <a:schemeClr val="accent2"/>
          </a:solidFill>
          <a:latin typeface="+mn-lt"/>
          <a:ea typeface="+mn-ea"/>
          <a:cs typeface="+mn-cs"/>
        </a:defRPr>
      </a:lvl8pPr>
      <a:lvl9pPr marL="538163" indent="-269875" algn="l" defTabSz="914400" rtl="0" eaLnBrk="1" latinLnBrk="0" hangingPunct="1">
        <a:spcBef>
          <a:spcPts val="384"/>
        </a:spcBef>
        <a:spcAft>
          <a:spcPts val="0"/>
        </a:spcAft>
        <a:buClr>
          <a:schemeClr val="accent2"/>
        </a:buClr>
        <a:buSzPct val="80000"/>
        <a:buFont typeface="+mj-lt"/>
        <a:buAutoNum type="alphaLcParenR"/>
        <a:defRPr sz="1400" kern="1200">
          <a:solidFill>
            <a:schemeClr val="accent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3045" userDrawn="1">
          <p15:clr>
            <a:srgbClr val="F26B43"/>
          </p15:clr>
        </p15:guide>
        <p15:guide id="3" pos="196" userDrawn="1">
          <p15:clr>
            <a:srgbClr val="F26B43"/>
          </p15:clr>
        </p15:guide>
        <p15:guide id="5" orient="horz" pos="324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7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emf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9.xml"/><Relationship Id="rId4" Type="http://schemas.openxmlformats.org/officeDocument/2006/relationships/image" Target="../media/image8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A811EC-5C3E-43FA-A261-F9042973A2B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76825" y="1245114"/>
            <a:ext cx="8072090" cy="1531543"/>
          </a:xfrm>
        </p:spPr>
        <p:txBody>
          <a:bodyPr/>
          <a:lstStyle/>
          <a:p>
            <a:pPr algn="ctr"/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репарати</a:t>
            </a:r>
            <a:r>
              <a:rPr lang="en-US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uk-UA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для лікування гемофілії А та гемофілії, що ускладнена інгібіторами 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endParaRPr lang="en-GB" dirty="0"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975643E-1DFE-4DC9-AF23-B08E216877C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98920" y="3570726"/>
            <a:ext cx="8072091" cy="684586"/>
          </a:xfrm>
        </p:spPr>
        <p:txBody>
          <a:bodyPr/>
          <a:lstStyle/>
          <a:p>
            <a:pPr algn="ctr"/>
            <a:r>
              <a:rPr lang="en-US" dirty="0"/>
              <a:t>NARH</a:t>
            </a:r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343DF0D-A23E-426D-AD3C-CA28ED75F31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5EFAE1-03C6-4C31-9F97-E5A51E8A74C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1</a:t>
            </a:fld>
            <a:endParaRPr lang="en-GB" noProof="0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070E533-422B-4403-AD15-74B8E22CAAC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43780" y="67451"/>
            <a:ext cx="2591025" cy="1767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955460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 xmlns:a16="http://schemas.microsoft.com/office/drawing/2014/main">
      <p:transition/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52870335-DF9F-4EC8-AE7E-C56A52D1D5F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574065" y="1458436"/>
            <a:ext cx="5624078" cy="1637781"/>
          </a:xfrm>
          <a:prstGeom prst="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829B9A37-634C-4809-BD49-D697F6AB060F}"/>
              </a:ext>
            </a:extLst>
          </p:cNvPr>
          <p:cNvSpPr/>
          <p:nvPr/>
        </p:nvSpPr>
        <p:spPr>
          <a:xfrm>
            <a:off x="805896" y="3390928"/>
            <a:ext cx="7663227" cy="71558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135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Будова </a:t>
            </a:r>
            <a:r>
              <a:rPr lang="en-GB" sz="135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rFVIIa</a:t>
            </a:r>
            <a:r>
              <a:rPr lang="en-GB" sz="135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35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аналогічна</a:t>
            </a:r>
            <a:r>
              <a:rPr lang="ru-RU" sz="135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35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ендогенному</a:t>
            </a:r>
            <a:r>
              <a:rPr lang="ru-RU" sz="135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35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людському</a:t>
            </a:r>
            <a:r>
              <a:rPr lang="ru-RU" sz="135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en-GB" sz="135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FVIIa</a:t>
            </a:r>
            <a:r>
              <a:rPr lang="en-GB" sz="135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, </a:t>
            </a:r>
            <a:endParaRPr lang="ru-RU" sz="1350" dirty="0">
              <a:solidFill>
                <a:srgbClr val="002060"/>
              </a:solidFill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  <a:p>
            <a:pPr algn="ctr"/>
            <a:r>
              <a:rPr lang="ru-RU" sz="135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з </a:t>
            </a:r>
            <a:r>
              <a:rPr lang="ru-RU" sz="135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деякими</a:t>
            </a:r>
            <a:r>
              <a:rPr lang="ru-RU" sz="135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35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незначними</a:t>
            </a:r>
            <a:r>
              <a:rPr lang="ru-RU" sz="135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35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відмінностями</a:t>
            </a:r>
            <a:r>
              <a:rPr lang="ru-RU" sz="135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35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осттрансляційні</a:t>
            </a:r>
            <a:r>
              <a:rPr lang="ru-RU" sz="135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35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модифікації</a:t>
            </a:r>
            <a:r>
              <a:rPr lang="ru-RU" sz="135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.</a:t>
            </a:r>
            <a:r>
              <a:rPr lang="en-GB" sz="135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endParaRPr lang="ru-RU" sz="1350" dirty="0">
              <a:solidFill>
                <a:srgbClr val="002060"/>
              </a:solidFill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  <a:p>
            <a:pPr algn="just"/>
            <a:endParaRPr lang="ru-RU" sz="135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DB92007-D738-49C7-8AFB-3688DDB74928}"/>
              </a:ext>
            </a:extLst>
          </p:cNvPr>
          <p:cNvSpPr txBox="1"/>
          <p:nvPr/>
        </p:nvSpPr>
        <p:spPr>
          <a:xfrm>
            <a:off x="1081650" y="4679064"/>
            <a:ext cx="3856838" cy="2135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788" dirty="0" err="1">
                <a:solidFill>
                  <a:schemeClr val="bg1">
                    <a:lumMod val="50000"/>
                  </a:schemeClr>
                </a:solidFill>
              </a:rPr>
              <a:t>Böhm</a:t>
            </a:r>
            <a:r>
              <a:rPr lang="en-GB" sz="788" dirty="0">
                <a:solidFill>
                  <a:schemeClr val="bg1">
                    <a:lumMod val="50000"/>
                  </a:schemeClr>
                </a:solidFill>
              </a:rPr>
              <a:t> E et al. BMC Proceedings 2011;5</a:t>
            </a:r>
          </a:p>
        </p:txBody>
      </p:sp>
      <p:sp>
        <p:nvSpPr>
          <p:cNvPr id="8" name="Title 2">
            <a:extLst>
              <a:ext uri="{FF2B5EF4-FFF2-40B4-BE49-F238E27FC236}">
                <a16:creationId xmlns:a16="http://schemas.microsoft.com/office/drawing/2014/main" id="{B7701B1C-414D-4A17-B5D2-7295D85796DE}"/>
              </a:ext>
            </a:extLst>
          </p:cNvPr>
          <p:cNvSpPr txBox="1">
            <a:spLocks/>
          </p:cNvSpPr>
          <p:nvPr/>
        </p:nvSpPr>
        <p:spPr>
          <a:xfrm>
            <a:off x="331595" y="250851"/>
            <a:ext cx="8689842" cy="693072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4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Новосевен</a:t>
            </a:r>
            <a:r>
              <a:rPr lang="ru-RU" baseline="30000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®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-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еptacog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alfa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(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activated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) (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rFVIIa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)</a:t>
            </a:r>
            <a:br>
              <a:rPr lang="ru-RU" sz="2100" b="0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</a:br>
            <a:endParaRPr lang="en-GB" dirty="0"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758CB4C2-B0BE-4AA9-B11B-C5A9539E0418}"/>
              </a:ext>
            </a:extLst>
          </p:cNvPr>
          <p:cNvSpPr txBox="1"/>
          <p:nvPr/>
        </p:nvSpPr>
        <p:spPr>
          <a:xfrm>
            <a:off x="415414" y="815848"/>
            <a:ext cx="810902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b="1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Будова</a:t>
            </a:r>
            <a:r>
              <a:rPr lang="ru-RU" b="1" dirty="0">
                <a:solidFill>
                  <a:schemeClr val="tx2"/>
                </a:solidFill>
              </a:rPr>
              <a:t> </a:t>
            </a:r>
            <a:endParaRPr lang="en-GB" b="1" dirty="0">
              <a:solidFill>
                <a:schemeClr val="tx2"/>
              </a:solidFill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DA9D7250-1523-4ED3-9EC9-C92C4568D40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43780" y="67451"/>
            <a:ext cx="2591025" cy="1767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3943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AF344B9E-6D74-40D4-A4D8-76962BD20097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715623" y="1225497"/>
            <a:ext cx="3298375" cy="2484813"/>
          </a:xfrm>
          <a:prstGeom prst="rect">
            <a:avLst/>
          </a:prstGeom>
        </p:spPr>
      </p:pic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D592277-1B63-4BAE-A779-04B48F34C7F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172956" y="112462"/>
            <a:ext cx="2900363" cy="101600"/>
          </a:xfrm>
        </p:spPr>
        <p:txBody>
          <a:bodyPr/>
          <a:lstStyle/>
          <a:p>
            <a:pPr>
              <a:defRPr/>
            </a:pPr>
            <a:r>
              <a:rPr lang="en-GB" noProof="0"/>
              <a:t>For internal use only</a:t>
            </a:r>
            <a:endParaRPr lang="en-GB" noProof="0" dirty="0"/>
          </a:p>
        </p:txBody>
      </p:sp>
      <p:sp>
        <p:nvSpPr>
          <p:cNvPr id="6" name="Rectangle 61">
            <a:extLst>
              <a:ext uri="{FF2B5EF4-FFF2-40B4-BE49-F238E27FC236}">
                <a16:creationId xmlns:a16="http://schemas.microsoft.com/office/drawing/2014/main" id="{AB1990BB-CD4D-44C8-9B5B-65E42371AD65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>
          <a:xfrm>
            <a:off x="331595" y="674254"/>
            <a:ext cx="8510588" cy="391715"/>
          </a:xfrm>
        </p:spPr>
        <p:txBody>
          <a:bodyPr/>
          <a:lstStyle/>
          <a:p>
            <a:pPr eaLnBrk="1" hangingPunct="1"/>
            <a:r>
              <a:rPr lang="en-GB" sz="1600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rFVIIa</a:t>
            </a:r>
            <a:r>
              <a:rPr lang="en-GB" sz="1600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600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механізм</a:t>
            </a:r>
            <a:r>
              <a:rPr lang="ru-RU" sz="1600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600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дії</a:t>
            </a:r>
            <a:endParaRPr lang="en-GB" sz="1600" dirty="0"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BB84098-F2E8-43E3-AFD5-5A2B8E4A19B6}"/>
              </a:ext>
            </a:extLst>
          </p:cNvPr>
          <p:cNvSpPr txBox="1"/>
          <p:nvPr/>
        </p:nvSpPr>
        <p:spPr>
          <a:xfrm>
            <a:off x="288096" y="3839311"/>
            <a:ext cx="8270855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/>
            <a:r>
              <a:rPr lang="ru-RU" sz="1100" dirty="0">
                <a:solidFill>
                  <a:srgbClr val="002060"/>
                </a:solidFill>
              </a:rPr>
              <a:t>Фактор </a:t>
            </a:r>
            <a:r>
              <a:rPr lang="da-DK" sz="1100" dirty="0">
                <a:solidFill>
                  <a:srgbClr val="002060"/>
                </a:solidFill>
              </a:rPr>
              <a:t>VII</a:t>
            </a:r>
            <a:r>
              <a:rPr lang="ru-RU" sz="1100" dirty="0">
                <a:solidFill>
                  <a:srgbClr val="002060"/>
                </a:solidFill>
              </a:rPr>
              <a:t>а </a:t>
            </a:r>
            <a:r>
              <a:rPr lang="ru-RU" sz="1100" dirty="0" err="1">
                <a:solidFill>
                  <a:srgbClr val="002060"/>
                </a:solidFill>
              </a:rPr>
              <a:t>діє</a:t>
            </a:r>
            <a:r>
              <a:rPr lang="ru-RU" sz="1100" dirty="0">
                <a:solidFill>
                  <a:srgbClr val="002060"/>
                </a:solidFill>
              </a:rPr>
              <a:t> </a:t>
            </a:r>
            <a:r>
              <a:rPr lang="ru-RU" sz="1100" dirty="0" err="1">
                <a:solidFill>
                  <a:srgbClr val="002060"/>
                </a:solidFill>
              </a:rPr>
              <a:t>лише</a:t>
            </a:r>
            <a:r>
              <a:rPr lang="ru-RU" sz="1100" dirty="0">
                <a:solidFill>
                  <a:srgbClr val="002060"/>
                </a:solidFill>
              </a:rPr>
              <a:t> у </a:t>
            </a:r>
            <a:r>
              <a:rPr lang="ru-RU" sz="1100" dirty="0" err="1">
                <a:solidFill>
                  <a:srgbClr val="002060"/>
                </a:solidFill>
              </a:rPr>
              <a:t>місці</a:t>
            </a:r>
            <a:r>
              <a:rPr lang="ru-RU" sz="1100" dirty="0">
                <a:solidFill>
                  <a:srgbClr val="002060"/>
                </a:solidFill>
              </a:rPr>
              <a:t> </a:t>
            </a:r>
            <a:r>
              <a:rPr lang="ru-RU" sz="1100" dirty="0" err="1">
                <a:solidFill>
                  <a:srgbClr val="002060"/>
                </a:solidFill>
              </a:rPr>
              <a:t>ушкодження</a:t>
            </a:r>
            <a:r>
              <a:rPr lang="ru-RU" sz="1100" dirty="0">
                <a:solidFill>
                  <a:srgbClr val="002060"/>
                </a:solidFill>
              </a:rPr>
              <a:t>, </a:t>
            </a:r>
            <a:r>
              <a:rPr lang="ru-RU" sz="1100" dirty="0" err="1">
                <a:solidFill>
                  <a:srgbClr val="002060"/>
                </a:solidFill>
              </a:rPr>
              <a:t>зв'язуючись</a:t>
            </a:r>
            <a:r>
              <a:rPr lang="ru-RU" sz="1100" dirty="0">
                <a:solidFill>
                  <a:srgbClr val="002060"/>
                </a:solidFill>
              </a:rPr>
              <a:t> з </a:t>
            </a:r>
            <a:r>
              <a:rPr lang="ru-RU" sz="1100" dirty="0" err="1">
                <a:solidFill>
                  <a:srgbClr val="002060"/>
                </a:solidFill>
              </a:rPr>
              <a:t>тканинним</a:t>
            </a:r>
            <a:r>
              <a:rPr lang="ru-RU" sz="1100" dirty="0">
                <a:solidFill>
                  <a:srgbClr val="002060"/>
                </a:solidFill>
              </a:rPr>
              <a:t> фактором. </a:t>
            </a:r>
            <a:r>
              <a:rPr lang="ru-RU" sz="1100" dirty="0" err="1">
                <a:solidFill>
                  <a:srgbClr val="002060"/>
                </a:solidFill>
              </a:rPr>
              <a:t>Цей</a:t>
            </a:r>
            <a:r>
              <a:rPr lang="ru-RU" sz="1100" dirty="0">
                <a:solidFill>
                  <a:srgbClr val="002060"/>
                </a:solidFill>
              </a:rPr>
              <a:t> комплекс переводить </a:t>
            </a:r>
            <a:r>
              <a:rPr lang="ru-RU" sz="1100" dirty="0" err="1">
                <a:solidFill>
                  <a:srgbClr val="002060"/>
                </a:solidFill>
              </a:rPr>
              <a:t>фактори</a:t>
            </a:r>
            <a:r>
              <a:rPr lang="ru-RU" sz="1100" dirty="0">
                <a:solidFill>
                  <a:srgbClr val="002060"/>
                </a:solidFill>
              </a:rPr>
              <a:t> </a:t>
            </a:r>
            <a:r>
              <a:rPr lang="da-DK" sz="1100" dirty="0">
                <a:solidFill>
                  <a:srgbClr val="002060"/>
                </a:solidFill>
              </a:rPr>
              <a:t>IX </a:t>
            </a:r>
            <a:r>
              <a:rPr lang="ru-RU" sz="1100" dirty="0">
                <a:solidFill>
                  <a:srgbClr val="002060"/>
                </a:solidFill>
              </a:rPr>
              <a:t>і Х на </a:t>
            </a:r>
            <a:r>
              <a:rPr lang="ru-RU" sz="1100" dirty="0" err="1">
                <a:solidFill>
                  <a:srgbClr val="002060"/>
                </a:solidFill>
              </a:rPr>
              <a:t>активну</a:t>
            </a:r>
            <a:r>
              <a:rPr lang="ru-RU" sz="1100" dirty="0">
                <a:solidFill>
                  <a:srgbClr val="002060"/>
                </a:solidFill>
              </a:rPr>
              <a:t> форму - </a:t>
            </a:r>
            <a:r>
              <a:rPr lang="da-DK" sz="1100" dirty="0">
                <a:solidFill>
                  <a:srgbClr val="002060"/>
                </a:solidFill>
              </a:rPr>
              <a:t>IXa </a:t>
            </a:r>
            <a:r>
              <a:rPr lang="ru-RU" sz="1100" dirty="0">
                <a:solidFill>
                  <a:srgbClr val="002060"/>
                </a:solidFill>
              </a:rPr>
              <a:t>і Ха, </a:t>
            </a:r>
            <a:r>
              <a:rPr lang="ru-RU" sz="1100" dirty="0" err="1">
                <a:solidFill>
                  <a:srgbClr val="002060"/>
                </a:solidFill>
              </a:rPr>
              <a:t>викликає</a:t>
            </a:r>
            <a:r>
              <a:rPr lang="ru-RU" sz="1100" dirty="0">
                <a:solidFill>
                  <a:srgbClr val="002060"/>
                </a:solidFill>
              </a:rPr>
              <a:t> </a:t>
            </a:r>
            <a:r>
              <a:rPr lang="ru-RU" sz="1100" dirty="0" err="1">
                <a:solidFill>
                  <a:srgbClr val="002060"/>
                </a:solidFill>
              </a:rPr>
              <a:t>перетворення</a:t>
            </a:r>
            <a:r>
              <a:rPr lang="ru-RU" sz="1100" dirty="0">
                <a:solidFill>
                  <a:srgbClr val="002060"/>
                </a:solidFill>
              </a:rPr>
              <a:t> невеликих </a:t>
            </a:r>
            <a:r>
              <a:rPr lang="ru-RU" sz="1100" dirty="0" err="1">
                <a:solidFill>
                  <a:srgbClr val="002060"/>
                </a:solidFill>
              </a:rPr>
              <a:t>кількостей</a:t>
            </a:r>
            <a:r>
              <a:rPr lang="ru-RU" sz="1100" dirty="0">
                <a:solidFill>
                  <a:srgbClr val="002060"/>
                </a:solidFill>
              </a:rPr>
              <a:t> </a:t>
            </a:r>
            <a:r>
              <a:rPr lang="ru-RU" sz="1100" dirty="0" err="1">
                <a:solidFill>
                  <a:srgbClr val="002060"/>
                </a:solidFill>
              </a:rPr>
              <a:t>протромбіну</a:t>
            </a:r>
            <a:r>
              <a:rPr lang="ru-RU" sz="1100" dirty="0">
                <a:solidFill>
                  <a:srgbClr val="002060"/>
                </a:solidFill>
              </a:rPr>
              <a:t> на </a:t>
            </a:r>
            <a:r>
              <a:rPr lang="ru-RU" sz="1100" dirty="0" err="1">
                <a:solidFill>
                  <a:srgbClr val="002060"/>
                </a:solidFill>
              </a:rPr>
              <a:t>тромбін</a:t>
            </a:r>
            <a:r>
              <a:rPr lang="ru-RU" sz="1100" dirty="0">
                <a:solidFill>
                  <a:srgbClr val="002060"/>
                </a:solidFill>
              </a:rPr>
              <a:t>. </a:t>
            </a:r>
            <a:r>
              <a:rPr lang="ru-RU" sz="1100" dirty="0" err="1">
                <a:solidFill>
                  <a:srgbClr val="002060"/>
                </a:solidFill>
              </a:rPr>
              <a:t>Тромбін</a:t>
            </a:r>
            <a:r>
              <a:rPr lang="ru-RU" sz="1100" dirty="0">
                <a:solidFill>
                  <a:srgbClr val="002060"/>
                </a:solidFill>
              </a:rPr>
              <a:t> у </a:t>
            </a:r>
            <a:r>
              <a:rPr lang="ru-RU" sz="1100" dirty="0" err="1">
                <a:solidFill>
                  <a:srgbClr val="002060"/>
                </a:solidFill>
              </a:rPr>
              <a:t>місці</a:t>
            </a:r>
            <a:r>
              <a:rPr lang="ru-RU" sz="1100" dirty="0">
                <a:solidFill>
                  <a:srgbClr val="002060"/>
                </a:solidFill>
              </a:rPr>
              <a:t> </a:t>
            </a:r>
            <a:r>
              <a:rPr lang="ru-RU" sz="1100" dirty="0" err="1">
                <a:solidFill>
                  <a:srgbClr val="002060"/>
                </a:solidFill>
              </a:rPr>
              <a:t>ушкодження</a:t>
            </a:r>
            <a:r>
              <a:rPr lang="ru-RU" sz="1100" dirty="0">
                <a:solidFill>
                  <a:srgbClr val="002060"/>
                </a:solidFill>
              </a:rPr>
              <a:t> </a:t>
            </a:r>
            <a:r>
              <a:rPr lang="ru-RU" sz="1100" dirty="0" err="1">
                <a:solidFill>
                  <a:srgbClr val="002060"/>
                </a:solidFill>
              </a:rPr>
              <a:t>активує</a:t>
            </a:r>
            <a:r>
              <a:rPr lang="ru-RU" sz="1100" dirty="0">
                <a:solidFill>
                  <a:srgbClr val="002060"/>
                </a:solidFill>
              </a:rPr>
              <a:t> </a:t>
            </a:r>
            <a:r>
              <a:rPr lang="ru-RU" sz="1100" dirty="0" err="1">
                <a:solidFill>
                  <a:srgbClr val="002060"/>
                </a:solidFill>
              </a:rPr>
              <a:t>тромбоцити</a:t>
            </a:r>
            <a:r>
              <a:rPr lang="ru-RU" sz="1100" dirty="0">
                <a:solidFill>
                  <a:srgbClr val="002060"/>
                </a:solidFill>
              </a:rPr>
              <a:t>, </a:t>
            </a:r>
            <a:r>
              <a:rPr lang="da-DK" sz="1100" dirty="0">
                <a:solidFill>
                  <a:srgbClr val="002060"/>
                </a:solidFill>
              </a:rPr>
              <a:t>V </a:t>
            </a:r>
            <a:r>
              <a:rPr lang="ru-RU" sz="1100" dirty="0">
                <a:solidFill>
                  <a:srgbClr val="002060"/>
                </a:solidFill>
              </a:rPr>
              <a:t>та </a:t>
            </a:r>
            <a:r>
              <a:rPr lang="da-DK" sz="1100" dirty="0">
                <a:solidFill>
                  <a:srgbClr val="002060"/>
                </a:solidFill>
              </a:rPr>
              <a:t>VIII </a:t>
            </a:r>
            <a:r>
              <a:rPr lang="ru-RU" sz="1100" dirty="0" err="1">
                <a:solidFill>
                  <a:srgbClr val="002060"/>
                </a:solidFill>
              </a:rPr>
              <a:t>фактори</a:t>
            </a:r>
            <a:r>
              <a:rPr lang="ru-RU" sz="1100" dirty="0">
                <a:solidFill>
                  <a:srgbClr val="002060"/>
                </a:solidFill>
              </a:rPr>
              <a:t>, </a:t>
            </a:r>
            <a:r>
              <a:rPr lang="ru-RU" sz="1100" dirty="0" err="1">
                <a:solidFill>
                  <a:srgbClr val="002060"/>
                </a:solidFill>
              </a:rPr>
              <a:t>що</a:t>
            </a:r>
            <a:r>
              <a:rPr lang="ru-RU" sz="1100" dirty="0">
                <a:solidFill>
                  <a:srgbClr val="002060"/>
                </a:solidFill>
              </a:rPr>
              <a:t> </a:t>
            </a:r>
            <a:r>
              <a:rPr lang="ru-RU" sz="1100" dirty="0" err="1">
                <a:solidFill>
                  <a:srgbClr val="002060"/>
                </a:solidFill>
              </a:rPr>
              <a:t>викликають</a:t>
            </a:r>
            <a:r>
              <a:rPr lang="ru-RU" sz="1100" dirty="0">
                <a:solidFill>
                  <a:srgbClr val="002060"/>
                </a:solidFill>
              </a:rPr>
              <a:t> </a:t>
            </a:r>
            <a:r>
              <a:rPr lang="ru-RU" sz="1100" dirty="0" err="1">
                <a:solidFill>
                  <a:srgbClr val="002060"/>
                </a:solidFill>
              </a:rPr>
              <a:t>перетворення</a:t>
            </a:r>
            <a:r>
              <a:rPr lang="ru-RU" sz="1100" dirty="0">
                <a:solidFill>
                  <a:srgbClr val="002060"/>
                </a:solidFill>
              </a:rPr>
              <a:t> </a:t>
            </a:r>
            <a:r>
              <a:rPr lang="ru-RU" sz="1100" dirty="0" err="1">
                <a:solidFill>
                  <a:srgbClr val="002060"/>
                </a:solidFill>
              </a:rPr>
              <a:t>фібриногену</a:t>
            </a:r>
            <a:r>
              <a:rPr lang="ru-RU" sz="1100" dirty="0">
                <a:solidFill>
                  <a:srgbClr val="002060"/>
                </a:solidFill>
              </a:rPr>
              <a:t> на </a:t>
            </a:r>
            <a:r>
              <a:rPr lang="ru-RU" sz="1100" dirty="0" err="1">
                <a:solidFill>
                  <a:srgbClr val="002060"/>
                </a:solidFill>
              </a:rPr>
              <a:t>фібрин</a:t>
            </a:r>
            <a:r>
              <a:rPr lang="ru-RU" sz="1100" dirty="0">
                <a:solidFill>
                  <a:srgbClr val="002060"/>
                </a:solidFill>
              </a:rPr>
              <a:t> та </a:t>
            </a:r>
            <a:r>
              <a:rPr lang="ru-RU" sz="1100" dirty="0" err="1">
                <a:solidFill>
                  <a:srgbClr val="002060"/>
                </a:solidFill>
              </a:rPr>
              <a:t>утворення</a:t>
            </a:r>
            <a:r>
              <a:rPr lang="ru-RU" sz="1100" dirty="0">
                <a:solidFill>
                  <a:srgbClr val="002060"/>
                </a:solidFill>
              </a:rPr>
              <a:t> </a:t>
            </a:r>
            <a:r>
              <a:rPr lang="ru-RU" sz="1100" dirty="0" err="1">
                <a:solidFill>
                  <a:srgbClr val="002060"/>
                </a:solidFill>
              </a:rPr>
              <a:t>гемостатичного</a:t>
            </a:r>
            <a:r>
              <a:rPr lang="ru-RU" sz="1100" dirty="0">
                <a:solidFill>
                  <a:srgbClr val="002060"/>
                </a:solidFill>
              </a:rPr>
              <a:t> </a:t>
            </a:r>
            <a:r>
              <a:rPr lang="ru-RU" sz="1100" dirty="0" err="1">
                <a:solidFill>
                  <a:srgbClr val="002060"/>
                </a:solidFill>
              </a:rPr>
              <a:t>згустку</a:t>
            </a:r>
            <a:r>
              <a:rPr lang="ru-RU" sz="1100" dirty="0">
                <a:solidFill>
                  <a:srgbClr val="002060"/>
                </a:solidFill>
              </a:rPr>
              <a:t>.</a:t>
            </a:r>
            <a:endParaRPr lang="en-US" sz="1100" dirty="0">
              <a:solidFill>
                <a:srgbClr val="002060"/>
              </a:solidFill>
            </a:endParaRPr>
          </a:p>
        </p:txBody>
      </p:sp>
      <p:sp>
        <p:nvSpPr>
          <p:cNvPr id="10" name="Title 2">
            <a:extLst>
              <a:ext uri="{FF2B5EF4-FFF2-40B4-BE49-F238E27FC236}">
                <a16:creationId xmlns:a16="http://schemas.microsoft.com/office/drawing/2014/main" id="{CE9B8DB2-B585-4E37-9376-8D3B034FE9AA}"/>
              </a:ext>
            </a:extLst>
          </p:cNvPr>
          <p:cNvSpPr txBox="1">
            <a:spLocks/>
          </p:cNvSpPr>
          <p:nvPr/>
        </p:nvSpPr>
        <p:spPr>
          <a:xfrm>
            <a:off x="331595" y="250852"/>
            <a:ext cx="8689842" cy="391716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4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Новосевен</a:t>
            </a:r>
            <a:r>
              <a:rPr lang="ru-RU" baseline="30000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®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-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еptacog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alfa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(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activated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) (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rFVIIa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)</a:t>
            </a:r>
            <a:endParaRPr lang="en-GB" dirty="0"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D8EDE966-6191-9A29-7B5D-D7383682144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86889" y="956884"/>
            <a:ext cx="3885353" cy="28824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458498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15ECF57A-EF58-4049-917F-4966704FC7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7447" y="742971"/>
            <a:ext cx="8510400" cy="391412"/>
          </a:xfrm>
        </p:spPr>
        <p:txBody>
          <a:bodyPr/>
          <a:lstStyle/>
          <a:p>
            <a:pPr algn="ctr"/>
            <a:br>
              <a:rPr lang="ru-RU" b="0" dirty="0"/>
            </a:br>
            <a:r>
              <a:rPr lang="ru-RU" sz="1800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Рекомендоване</a:t>
            </a:r>
            <a:r>
              <a:rPr lang="ru-RU" sz="1800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800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дозування</a:t>
            </a:r>
            <a:r>
              <a:rPr lang="ru-RU" sz="1800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та схема </a:t>
            </a:r>
            <a:r>
              <a:rPr lang="ru-RU" sz="1800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терапії</a:t>
            </a:r>
            <a:br>
              <a:rPr lang="ru-RU" sz="1500" dirty="0"/>
            </a:br>
            <a:endParaRPr lang="en-GB" dirty="0"/>
          </a:p>
        </p:txBody>
      </p:sp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8AD78C61-8735-4E1C-8C83-6351886E2886}"/>
              </a:ext>
            </a:extLst>
          </p:cNvPr>
          <p:cNvSpPr/>
          <p:nvPr/>
        </p:nvSpPr>
        <p:spPr>
          <a:xfrm>
            <a:off x="1916377" y="1177797"/>
            <a:ext cx="4888685" cy="522215"/>
          </a:xfrm>
          <a:prstGeom prst="roundRect">
            <a:avLst/>
          </a:prstGeom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очаткова доза в/в -90 мкг (4,5 КМО) на кг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маси</a:t>
            </a:r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тіла</a:t>
            </a:r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кожні</a:t>
            </a:r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2-3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години</a:t>
            </a:r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endParaRPr lang="en-GB" sz="1200" dirty="0">
              <a:solidFill>
                <a:schemeClr val="tx2"/>
              </a:solidFill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</p:txBody>
      </p:sp>
      <p:sp>
        <p:nvSpPr>
          <p:cNvPr id="6" name="Arrow: Pentagon 5">
            <a:extLst>
              <a:ext uri="{FF2B5EF4-FFF2-40B4-BE49-F238E27FC236}">
                <a16:creationId xmlns:a16="http://schemas.microsoft.com/office/drawing/2014/main" id="{4837D4D2-D351-40B3-9C05-0683B61F46EE}"/>
              </a:ext>
            </a:extLst>
          </p:cNvPr>
          <p:cNvSpPr/>
          <p:nvPr/>
        </p:nvSpPr>
        <p:spPr>
          <a:xfrm rot="5400000">
            <a:off x="4074444" y="801002"/>
            <a:ext cx="572549" cy="2611073"/>
          </a:xfrm>
          <a:prstGeom prst="homePlate">
            <a:avLst/>
          </a:prstGeom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 sz="135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C7D7AD9-C8AA-455C-9658-C62F8A57B09A}"/>
              </a:ext>
            </a:extLst>
          </p:cNvPr>
          <p:cNvSpPr txBox="1"/>
          <p:nvPr/>
        </p:nvSpPr>
        <p:spPr>
          <a:xfrm>
            <a:off x="3106818" y="1884196"/>
            <a:ext cx="261107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Гемостаз</a:t>
            </a:r>
            <a:endParaRPr lang="en-GB" sz="1200" dirty="0">
              <a:solidFill>
                <a:schemeClr val="tx2"/>
              </a:solidFill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73B9626C-BA14-481F-A34D-086EA907DE48}"/>
              </a:ext>
            </a:extLst>
          </p:cNvPr>
          <p:cNvSpPr/>
          <p:nvPr/>
        </p:nvSpPr>
        <p:spPr>
          <a:xfrm>
            <a:off x="1916377" y="2492684"/>
            <a:ext cx="4991957" cy="844688"/>
          </a:xfrm>
          <a:prstGeom prst="roundRect">
            <a:avLst/>
          </a:prstGeom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ри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необхідності</a:t>
            </a:r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родовження</a:t>
            </a:r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лікування</a:t>
            </a:r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ісля</a:t>
            </a:r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досягнення</a:t>
            </a:r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ефективного</a:t>
            </a:r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гемостазу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введення</a:t>
            </a:r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овторюють</a:t>
            </a:r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через 4, 6, 8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або</a:t>
            </a:r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12 годин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стільки</a:t>
            </a:r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,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скільки</a:t>
            </a:r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отрібно</a:t>
            </a:r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для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лікування</a:t>
            </a:r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.</a:t>
            </a:r>
            <a:endParaRPr lang="en-GB" sz="1200" dirty="0">
              <a:solidFill>
                <a:schemeClr val="tx2"/>
              </a:solidFill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78F550E8-4DBC-4E0C-8EFC-180327DCF600}"/>
              </a:ext>
            </a:extLst>
          </p:cNvPr>
          <p:cNvSpPr/>
          <p:nvPr/>
        </p:nvSpPr>
        <p:spPr>
          <a:xfrm>
            <a:off x="1916377" y="3546252"/>
            <a:ext cx="4991957" cy="522215"/>
          </a:xfrm>
          <a:prstGeom prst="roundRect">
            <a:avLst/>
          </a:prstGeom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одальше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лікування</a:t>
            </a:r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може</a:t>
            </a:r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бути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доцільним</a:t>
            </a:r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для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запобігання</a:t>
            </a:r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овторній</a:t>
            </a:r>
            <a:r>
              <a:rPr lang="ru-RU" sz="12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2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кровотечі</a:t>
            </a:r>
            <a:endParaRPr lang="en-GB" sz="1200" dirty="0">
              <a:solidFill>
                <a:schemeClr val="tx2"/>
              </a:solidFill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83C8B1A8-4780-4AAB-B847-633C4EA845DB}"/>
              </a:ext>
            </a:extLst>
          </p:cNvPr>
          <p:cNvSpPr txBox="1"/>
          <p:nvPr/>
        </p:nvSpPr>
        <p:spPr>
          <a:xfrm>
            <a:off x="1065127" y="4187842"/>
            <a:ext cx="7218564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9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Тривалість</a:t>
            </a:r>
            <a:r>
              <a:rPr lang="ru-RU" sz="9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лікування</a:t>
            </a:r>
            <a:r>
              <a:rPr lang="ru-RU" sz="9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та </a:t>
            </a:r>
            <a:r>
              <a:rPr lang="ru-RU" sz="9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інтервал</a:t>
            </a:r>
            <a:r>
              <a:rPr lang="ru-RU" sz="9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між</a:t>
            </a:r>
            <a:r>
              <a:rPr lang="ru-RU" sz="9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ін'єкціями</a:t>
            </a:r>
            <a:r>
              <a:rPr lang="ru-RU" sz="9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можуть</a:t>
            </a:r>
            <a:r>
              <a:rPr lang="ru-RU" sz="9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змінюватись</a:t>
            </a:r>
            <a:r>
              <a:rPr lang="ru-RU" sz="9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в </a:t>
            </a:r>
            <a:r>
              <a:rPr lang="ru-RU" sz="9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залежності</a:t>
            </a:r>
            <a:r>
              <a:rPr lang="ru-RU" sz="9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від</a:t>
            </a:r>
            <a:r>
              <a:rPr lang="ru-RU" sz="9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тяжкості</a:t>
            </a:r>
            <a:r>
              <a:rPr lang="ru-RU" sz="9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кровотечі</a:t>
            </a:r>
            <a:r>
              <a:rPr lang="ru-RU" sz="9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, та </a:t>
            </a:r>
            <a:r>
              <a:rPr lang="ru-RU" sz="9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ланованих</a:t>
            </a:r>
            <a:r>
              <a:rPr lang="ru-RU" sz="9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терапевтичних</a:t>
            </a:r>
            <a:r>
              <a:rPr lang="ru-RU" sz="9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тактик (</a:t>
            </a:r>
            <a:r>
              <a:rPr lang="ru-RU" sz="9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інвазивні</a:t>
            </a:r>
            <a:r>
              <a:rPr lang="ru-RU" sz="9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роцедури</a:t>
            </a:r>
            <a:r>
              <a:rPr lang="ru-RU" sz="9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, </a:t>
            </a:r>
            <a:r>
              <a:rPr lang="ru-RU" sz="9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операції</a:t>
            </a:r>
            <a:r>
              <a:rPr lang="ru-RU" sz="9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).</a:t>
            </a:r>
          </a:p>
          <a:p>
            <a:pPr algn="ctr"/>
            <a:r>
              <a:rPr lang="da-DK" sz="9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rFVIIa </a:t>
            </a:r>
            <a:r>
              <a:rPr lang="ru-RU" sz="9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може</a:t>
            </a:r>
            <a:r>
              <a:rPr lang="ru-RU" sz="9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оєднуватися</a:t>
            </a:r>
            <a:r>
              <a:rPr lang="ru-RU" sz="9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з </a:t>
            </a:r>
            <a:r>
              <a:rPr lang="ru-RU" sz="9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антифібринолітиками</a:t>
            </a:r>
            <a:endParaRPr lang="en-GB" sz="900" dirty="0">
              <a:solidFill>
                <a:srgbClr val="002060"/>
              </a:solidFill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12D34D2E-C824-412A-86F4-CB48E9D432F9}"/>
              </a:ext>
            </a:extLst>
          </p:cNvPr>
          <p:cNvSpPr txBox="1"/>
          <p:nvPr/>
        </p:nvSpPr>
        <p:spPr>
          <a:xfrm>
            <a:off x="940696" y="4804253"/>
            <a:ext cx="8317685" cy="2135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788" dirty="0">
                <a:solidFill>
                  <a:schemeClr val="bg1">
                    <a:lumMod val="50000"/>
                  </a:schemeClr>
                </a:solidFill>
              </a:rPr>
              <a:t>Інструкція НОВОСЕВЕН®  </a:t>
            </a:r>
            <a:r>
              <a:rPr lang="en-GB" sz="788" dirty="0">
                <a:solidFill>
                  <a:schemeClr val="bg1">
                    <a:lumMod val="50000"/>
                  </a:schemeClr>
                </a:solidFill>
              </a:rPr>
              <a:t>UA/5178/01/04</a:t>
            </a:r>
          </a:p>
        </p:txBody>
      </p:sp>
      <p:sp>
        <p:nvSpPr>
          <p:cNvPr id="10" name="Title 2">
            <a:extLst>
              <a:ext uri="{FF2B5EF4-FFF2-40B4-BE49-F238E27FC236}">
                <a16:creationId xmlns:a16="http://schemas.microsoft.com/office/drawing/2014/main" id="{B4F1B254-436E-44E6-AA94-0B407BD6A9DB}"/>
              </a:ext>
            </a:extLst>
          </p:cNvPr>
          <p:cNvSpPr txBox="1">
            <a:spLocks/>
          </p:cNvSpPr>
          <p:nvPr/>
        </p:nvSpPr>
        <p:spPr>
          <a:xfrm>
            <a:off x="322099" y="434642"/>
            <a:ext cx="8679793" cy="213919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4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Новосевен</a:t>
            </a:r>
            <a:r>
              <a:rPr lang="ru-RU" baseline="30000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®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-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еptacog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alfa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(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activated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) (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rFVIIa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)</a:t>
            </a:r>
            <a:br>
              <a:rPr lang="ru-RU" sz="2100" b="0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</a:br>
            <a:endParaRPr lang="en-GB" dirty="0"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6C47676E-3273-4F0A-A1DE-2A4926CF0F4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43780" y="67451"/>
            <a:ext cx="2591025" cy="1767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618944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0E06BFF3-242B-4FA3-805E-3FE305F3FCD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16800" y="964642"/>
            <a:ext cx="8510400" cy="3788228"/>
          </a:xfrm>
        </p:spPr>
        <p:txBody>
          <a:bodyPr>
            <a:normAutofit/>
          </a:bodyPr>
          <a:lstStyle/>
          <a:p>
            <a:r>
              <a:rPr lang="ru-RU" dirty="0" err="1"/>
              <a:t>НовоЕйт</a:t>
            </a:r>
            <a:r>
              <a:rPr lang="ru-RU" baseline="30000" dirty="0"/>
              <a:t> ® </a:t>
            </a:r>
            <a:r>
              <a:rPr lang="ru-RU" dirty="0"/>
              <a:t>(</a:t>
            </a:r>
            <a:r>
              <a:rPr lang="en-US" dirty="0"/>
              <a:t>NOVOEIGHT</a:t>
            </a:r>
            <a:r>
              <a:rPr lang="ru-RU" baseline="30000" dirty="0"/>
              <a:t> ®</a:t>
            </a:r>
            <a:r>
              <a:rPr lang="ru-RU" dirty="0"/>
              <a:t>)</a:t>
            </a:r>
          </a:p>
          <a:p>
            <a:pPr marL="0" indent="0">
              <a:buNone/>
            </a:pPr>
            <a:endParaRPr lang="en-GB" dirty="0"/>
          </a:p>
          <a:p>
            <a:r>
              <a:rPr lang="ru-RU" dirty="0" err="1"/>
              <a:t>НовоСевен</a:t>
            </a:r>
            <a:r>
              <a:rPr lang="ru-RU" baseline="30000" dirty="0"/>
              <a:t>®</a:t>
            </a:r>
            <a:r>
              <a:rPr lang="ru-RU" dirty="0"/>
              <a:t> (</a:t>
            </a:r>
            <a:r>
              <a:rPr lang="en-US" dirty="0"/>
              <a:t>NOVOSEVEN</a:t>
            </a:r>
            <a:r>
              <a:rPr lang="ru-RU" baseline="30000" dirty="0"/>
              <a:t> ®</a:t>
            </a:r>
            <a:r>
              <a:rPr lang="en-US" dirty="0"/>
              <a:t>)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43670EE5-7529-4E8A-875C-242E50844E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44197"/>
            <a:ext cx="8510400" cy="391412"/>
          </a:xfrm>
        </p:spPr>
        <p:txBody>
          <a:bodyPr/>
          <a:lstStyle/>
          <a:p>
            <a:r>
              <a:rPr lang="ru-RU" dirty="0" err="1"/>
              <a:t>Зміст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5604941-ECCF-49AA-8B7D-17AE4653A84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2</a:t>
            </a:fld>
            <a:endParaRPr lang="en-GB" noProof="0" dirty="0"/>
          </a:p>
        </p:txBody>
      </p:sp>
      <p:sp>
        <p:nvSpPr>
          <p:cNvPr id="7" name="Footer Placeholder 2">
            <a:extLst>
              <a:ext uri="{FF2B5EF4-FFF2-40B4-BE49-F238E27FC236}">
                <a16:creationId xmlns:a16="http://schemas.microsoft.com/office/drawing/2014/main" id="{B28A27B0-7C5C-4CBE-9C9E-585918B92816}"/>
              </a:ext>
            </a:extLst>
          </p:cNvPr>
          <p:cNvSpPr txBox="1">
            <a:spLocks/>
          </p:cNvSpPr>
          <p:nvPr/>
        </p:nvSpPr>
        <p:spPr>
          <a:xfrm>
            <a:off x="4572000" y="54250"/>
            <a:ext cx="2900362" cy="101600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 defTabSz="878921">
              <a:spcBef>
                <a:spcPct val="0"/>
              </a:spcBef>
              <a:defRPr/>
            </a:pPr>
            <a:r>
              <a:rPr lang="en-GB" sz="600" dirty="0">
                <a:solidFill>
                  <a:srgbClr val="82786F"/>
                </a:solidFill>
                <a:latin typeface="Verdana"/>
              </a:rPr>
              <a:t>FOR INTERNAL USE ONLY</a:t>
            </a:r>
          </a:p>
        </p:txBody>
      </p:sp>
    </p:spTree>
    <p:extLst>
      <p:ext uri="{BB962C8B-B14F-4D97-AF65-F5344CB8AC3E}">
        <p14:creationId xmlns:p14="http://schemas.microsoft.com/office/powerpoint/2010/main" val="28217969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394" name="Title 1"/>
          <p:cNvSpPr>
            <a:spLocks noGrp="1"/>
          </p:cNvSpPr>
          <p:nvPr>
            <p:ph type="title"/>
          </p:nvPr>
        </p:nvSpPr>
        <p:spPr>
          <a:xfrm>
            <a:off x="399948" y="418252"/>
            <a:ext cx="8509000" cy="390525"/>
          </a:xfrm>
          <a:noFill/>
        </p:spPr>
        <p:txBody>
          <a:bodyPr/>
          <a:lstStyle/>
          <a:p>
            <a:r>
              <a:rPr lang="uk-UA" dirty="0"/>
              <a:t>НовоЕйт</a:t>
            </a:r>
            <a:r>
              <a:rPr lang="ru-RU" baseline="30000" dirty="0"/>
              <a:t> ®</a:t>
            </a:r>
            <a:r>
              <a:rPr lang="uk-UA" dirty="0"/>
              <a:t> (туроктоког альфа) </a:t>
            </a:r>
            <a:endParaRPr lang="en-GB" dirty="0"/>
          </a:p>
        </p:txBody>
      </p:sp>
      <p:sp>
        <p:nvSpPr>
          <p:cNvPr id="59398" name="Footer Placeholder 3"/>
          <p:cNvSpPr txBox="1">
            <a:spLocks/>
          </p:cNvSpPr>
          <p:nvPr/>
        </p:nvSpPr>
        <p:spPr bwMode="auto">
          <a:xfrm>
            <a:off x="469900" y="0"/>
            <a:ext cx="5843588" cy="35361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 anchor="ctr"/>
          <a:lstStyle>
            <a:lvl1pPr eaLnBrk="0" hangingPunct="0">
              <a:defRPr b="1">
                <a:solidFill>
                  <a:srgbClr val="001965"/>
                </a:solidFill>
                <a:latin typeface="Verdana" pitchFamily="34" charset="0"/>
                <a:cs typeface="Arial" pitchFamily="34" charset="0"/>
              </a:defRPr>
            </a:lvl1pPr>
            <a:lvl2pPr marL="742950" indent="-285750" eaLnBrk="0" hangingPunct="0">
              <a:defRPr b="1">
                <a:solidFill>
                  <a:srgbClr val="001965"/>
                </a:solidFill>
                <a:latin typeface="Verdana" pitchFamily="34" charset="0"/>
                <a:cs typeface="Arial" pitchFamily="34" charset="0"/>
              </a:defRPr>
            </a:lvl2pPr>
            <a:lvl3pPr marL="1143000" indent="-228600" eaLnBrk="0" hangingPunct="0">
              <a:defRPr b="1">
                <a:solidFill>
                  <a:srgbClr val="001965"/>
                </a:solidFill>
                <a:latin typeface="Verdana" pitchFamily="34" charset="0"/>
                <a:cs typeface="Arial" pitchFamily="34" charset="0"/>
              </a:defRPr>
            </a:lvl3pPr>
            <a:lvl4pPr marL="1600200" indent="-228600" eaLnBrk="0" hangingPunct="0">
              <a:defRPr b="1">
                <a:solidFill>
                  <a:srgbClr val="001965"/>
                </a:solidFill>
                <a:latin typeface="Verdana" pitchFamily="34" charset="0"/>
                <a:cs typeface="Arial" pitchFamily="34" charset="0"/>
              </a:defRPr>
            </a:lvl4pPr>
            <a:lvl5pPr marL="2057400" indent="-228600" eaLnBrk="0" hangingPunct="0">
              <a:defRPr b="1">
                <a:solidFill>
                  <a:srgbClr val="001965"/>
                </a:solidFill>
                <a:latin typeface="Verdana" pitchFamily="34" charset="0"/>
                <a:cs typeface="Arial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rgbClr val="001965"/>
                </a:solidFill>
                <a:latin typeface="Verdana" pitchFamily="34" charset="0"/>
                <a:cs typeface="Arial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rgbClr val="001965"/>
                </a:solidFill>
                <a:latin typeface="Verdana" pitchFamily="34" charset="0"/>
                <a:cs typeface="Arial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rgbClr val="001965"/>
                </a:solidFill>
                <a:latin typeface="Verdana" pitchFamily="34" charset="0"/>
                <a:cs typeface="Arial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rgbClr val="001965"/>
                </a:solidFill>
                <a:latin typeface="Verdana" pitchFamily="34" charset="0"/>
                <a:cs typeface="Arial" pitchFamily="34" charset="0"/>
              </a:defRPr>
            </a:lvl9pPr>
          </a:lstStyle>
          <a:p>
            <a:pPr algn="r" eaLnBrk="1" hangingPunct="1"/>
            <a:endParaRPr lang="en-GB" sz="800" b="0" dirty="0">
              <a:solidFill>
                <a:srgbClr val="BDB2A4"/>
              </a:solidFill>
            </a:endParaRPr>
          </a:p>
        </p:txBody>
      </p:sp>
      <p:sp>
        <p:nvSpPr>
          <p:cNvPr id="7" name="Slide Number Placeholder 3"/>
          <p:cNvSpPr txBox="1">
            <a:spLocks/>
          </p:cNvSpPr>
          <p:nvPr/>
        </p:nvSpPr>
        <p:spPr bwMode="auto">
          <a:xfrm>
            <a:off x="8242300" y="56674"/>
            <a:ext cx="901700" cy="2047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36" tIns="45718" rIns="91436" bIns="45718" numCol="1" anchor="ctr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algn="r" defTabSz="877888" eaLnBrk="1" hangingPunct="1">
              <a:spcBef>
                <a:spcPts val="0"/>
              </a:spcBef>
              <a:defRPr sz="600" b="0">
                <a:solidFill>
                  <a:srgbClr val="FF0000"/>
                </a:solidFill>
                <a:cs typeface="+mn-cs"/>
              </a:defRPr>
            </a:lvl1pPr>
            <a:lvl2pPr marL="742950" indent="-285750"/>
            <a:lvl3pPr marL="1143000" indent="-228600"/>
            <a:lvl4pPr marL="1600200" indent="-228600"/>
            <a:lvl5pPr marL="2057400" indent="-228600"/>
            <a:lvl6pPr marL="2514600" indent="-228600" fontAlgn="base">
              <a:spcBef>
                <a:spcPct val="0"/>
              </a:spcBef>
              <a:spcAft>
                <a:spcPct val="0"/>
              </a:spcAft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</a:lvl9pPr>
          </a:lstStyle>
          <a:p>
            <a:fld id="{A3B283B2-F54F-497F-8CD9-716612D0811D}" type="slidenum">
              <a:rPr lang="en-GB" sz="800">
                <a:solidFill>
                  <a:srgbClr val="82786F"/>
                </a:solidFill>
              </a:rPr>
              <a:pPr/>
              <a:t>3</a:t>
            </a:fld>
            <a:endParaRPr lang="en-GB" sz="800" dirty="0">
              <a:solidFill>
                <a:srgbClr val="82786F"/>
              </a:solidFill>
            </a:endParaRPr>
          </a:p>
        </p:txBody>
      </p:sp>
      <p:sp>
        <p:nvSpPr>
          <p:cNvPr id="9" name="Rounded Rectangle 8"/>
          <p:cNvSpPr/>
          <p:nvPr/>
        </p:nvSpPr>
        <p:spPr bwMode="auto">
          <a:xfrm>
            <a:off x="209862" y="1160227"/>
            <a:ext cx="4223242" cy="784509"/>
          </a:xfrm>
          <a:prstGeom prst="roundRect">
            <a:avLst/>
          </a:prstGeom>
          <a:gradFill>
            <a:gsLst>
              <a:gs pos="0">
                <a:srgbClr val="00165B"/>
              </a:gs>
              <a:gs pos="60000">
                <a:srgbClr val="00165B"/>
              </a:gs>
              <a:gs pos="100000">
                <a:srgbClr val="00165B">
                  <a:lumMod val="90000"/>
                  <a:lumOff val="10000"/>
                </a:srgbClr>
              </a:gs>
            </a:gsLst>
            <a:lin ang="5400000" scaled="0"/>
          </a:gradFill>
          <a:ln w="317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contrasting" dir="t">
              <a:rot lat="0" lon="0" rev="7800000"/>
            </a:lightRig>
          </a:scene3d>
          <a:sp3d>
            <a:bevelT w="139700" h="139700"/>
          </a:sp3d>
        </p:spPr>
        <p:txBody>
          <a:bodyPr wrap="none" lIns="71997" tIns="71997" rIns="71997" bIns="71997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ru-RU" sz="1400" dirty="0" err="1">
                <a:solidFill>
                  <a:schemeClr val="bg1"/>
                </a:solidFill>
              </a:rPr>
              <a:t>Стерильний</a:t>
            </a:r>
            <a:r>
              <a:rPr lang="ru-RU" sz="1400" dirty="0">
                <a:solidFill>
                  <a:schemeClr val="bg1"/>
                </a:solidFill>
              </a:rPr>
              <a:t> </a:t>
            </a:r>
            <a:r>
              <a:rPr lang="ru-RU" sz="1400" dirty="0" err="1">
                <a:solidFill>
                  <a:schemeClr val="bg1"/>
                </a:solidFill>
              </a:rPr>
              <a:t>ліофілізований</a:t>
            </a:r>
            <a:r>
              <a:rPr lang="ru-RU" sz="1400" dirty="0">
                <a:solidFill>
                  <a:schemeClr val="bg1"/>
                </a:solidFill>
              </a:rPr>
              <a:t> порошок у </a:t>
            </a:r>
          </a:p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ru-RU" sz="1400" dirty="0">
                <a:solidFill>
                  <a:schemeClr val="bg1"/>
                </a:solidFill>
              </a:rPr>
              <a:t>флаконах для </a:t>
            </a:r>
            <a:r>
              <a:rPr lang="ru-RU" sz="1400" dirty="0" err="1">
                <a:solidFill>
                  <a:schemeClr val="bg1"/>
                </a:solidFill>
              </a:rPr>
              <a:t>використання</a:t>
            </a:r>
            <a:r>
              <a:rPr lang="ru-RU" sz="1400" dirty="0">
                <a:solidFill>
                  <a:schemeClr val="bg1"/>
                </a:solidFill>
              </a:rPr>
              <a:t> у </a:t>
            </a:r>
            <a:r>
              <a:rPr lang="ru-RU" sz="1400" dirty="0" err="1">
                <a:solidFill>
                  <a:schemeClr val="bg1"/>
                </a:solidFill>
              </a:rPr>
              <a:t>пристрої</a:t>
            </a:r>
            <a:endParaRPr lang="ru-RU" sz="1400" dirty="0">
              <a:solidFill>
                <a:schemeClr val="bg1"/>
              </a:solidFill>
            </a:endParaRPr>
          </a:p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CA" sz="1400" b="1" dirty="0" err="1">
                <a:solidFill>
                  <a:schemeClr val="bg1"/>
                </a:solidFill>
              </a:rPr>
              <a:t>MixPro</a:t>
            </a:r>
            <a:r>
              <a:rPr lang="en-CA" sz="1400" b="1" baseline="30000" dirty="0">
                <a:solidFill>
                  <a:schemeClr val="bg1"/>
                </a:solidFill>
              </a:rPr>
              <a:t>®</a:t>
            </a:r>
            <a:r>
              <a:rPr lang="en-CA" sz="1400" b="1" dirty="0">
                <a:solidFill>
                  <a:schemeClr val="bg1"/>
                </a:solidFill>
              </a:rPr>
              <a:t> </a:t>
            </a:r>
            <a:r>
              <a:rPr lang="en-CA" sz="1400" b="1" baseline="30000" dirty="0">
                <a:solidFill>
                  <a:schemeClr val="bg1"/>
                </a:solidFill>
              </a:rPr>
              <a:t>1,2</a:t>
            </a:r>
          </a:p>
        </p:txBody>
      </p:sp>
      <p:grpSp>
        <p:nvGrpSpPr>
          <p:cNvPr id="2" name="Group 1"/>
          <p:cNvGrpSpPr/>
          <p:nvPr/>
        </p:nvGrpSpPr>
        <p:grpSpPr>
          <a:xfrm>
            <a:off x="1044729" y="2062942"/>
            <a:ext cx="2440889" cy="2443135"/>
            <a:chOff x="1070891" y="1953059"/>
            <a:chExt cx="2858558" cy="2779279"/>
          </a:xfrm>
        </p:grpSpPr>
        <p:pic>
          <p:nvPicPr>
            <p:cNvPr id="8" name="Picture 7" descr="New reconstitution kit.pdf - Adobe Acrobat Pro"/>
            <p:cNvPicPr>
              <a:picLocks/>
            </p:cNvPicPr>
            <p:nvPr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70891" y="1953059"/>
              <a:ext cx="2753767" cy="264647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3" name="Rectangle 2"/>
            <p:cNvSpPr/>
            <p:nvPr/>
          </p:nvSpPr>
          <p:spPr>
            <a:xfrm>
              <a:off x="3748216" y="3276295"/>
              <a:ext cx="181233" cy="1456043"/>
            </a:xfrm>
            <a:prstGeom prst="rect">
              <a:avLst/>
            </a:prstGeom>
            <a:solidFill>
              <a:srgbClr val="FFFFFF"/>
            </a:solidFill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25" name="Picture 2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764277" y="1718851"/>
            <a:ext cx="3564913" cy="2946769"/>
          </a:xfrm>
          <a:prstGeom prst="rect">
            <a:avLst/>
          </a:prstGeom>
        </p:spPr>
      </p:pic>
      <p:sp>
        <p:nvSpPr>
          <p:cNvPr id="27" name="Rounded Rectangle 26"/>
          <p:cNvSpPr/>
          <p:nvPr/>
        </p:nvSpPr>
        <p:spPr bwMode="auto">
          <a:xfrm>
            <a:off x="4654447" y="1143674"/>
            <a:ext cx="4001873" cy="784509"/>
          </a:xfrm>
          <a:prstGeom prst="roundRect">
            <a:avLst/>
          </a:prstGeom>
          <a:gradFill>
            <a:gsLst>
              <a:gs pos="0">
                <a:schemeClr val="accent1">
                  <a:lumMod val="50000"/>
                </a:schemeClr>
              </a:gs>
              <a:gs pos="60000">
                <a:schemeClr val="accent1">
                  <a:lumMod val="75000"/>
                </a:schemeClr>
              </a:gs>
              <a:gs pos="100000">
                <a:schemeClr val="accent1"/>
              </a:gs>
            </a:gsLst>
            <a:lin ang="5400000" scaled="0"/>
          </a:gradFill>
          <a:ln w="317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contrasting" dir="t">
              <a:rot lat="0" lon="0" rev="7800000"/>
            </a:lightRig>
          </a:scene3d>
          <a:sp3d>
            <a:bevelT w="139700" h="139700"/>
          </a:sp3d>
        </p:spPr>
        <p:txBody>
          <a:bodyPr wrap="none" lIns="71997" tIns="71997" rIns="71997" bIns="71997" anchor="ctr"/>
          <a:lstStyle/>
          <a:p>
            <a:pPr algn="ctr" fontAlgn="auto">
              <a:spcBef>
                <a:spcPct val="50000"/>
              </a:spcBef>
              <a:spcAft>
                <a:spcPts val="0"/>
              </a:spcAft>
              <a:defRPr/>
            </a:pPr>
            <a:r>
              <a:rPr lang="uk-UA" sz="1400" b="1" dirty="0">
                <a:solidFill>
                  <a:schemeClr val="bg1"/>
                </a:solidFill>
              </a:rPr>
              <a:t>6 доз</a:t>
            </a:r>
            <a:r>
              <a:rPr lang="en-CA" sz="1400" b="1" baseline="30000" dirty="0">
                <a:solidFill>
                  <a:schemeClr val="bg1"/>
                </a:solidFill>
              </a:rPr>
              <a:t>1,2</a:t>
            </a:r>
          </a:p>
        </p:txBody>
      </p:sp>
      <p:cxnSp>
        <p:nvCxnSpPr>
          <p:cNvPr id="5" name="Straight Connector 4"/>
          <p:cNvCxnSpPr/>
          <p:nvPr/>
        </p:nvCxnSpPr>
        <p:spPr>
          <a:xfrm>
            <a:off x="4433104" y="1272638"/>
            <a:ext cx="0" cy="3240000"/>
          </a:xfrm>
          <a:prstGeom prst="line">
            <a:avLst/>
          </a:prstGeom>
          <a:ln w="19050">
            <a:solidFill>
              <a:schemeClr val="accent4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33" name="TextBox 32"/>
          <p:cNvSpPr txBox="1"/>
          <p:nvPr/>
        </p:nvSpPr>
        <p:spPr>
          <a:xfrm>
            <a:off x="328326" y="4829544"/>
            <a:ext cx="7873567" cy="219288"/>
          </a:xfrm>
          <a:prstGeom prst="rect">
            <a:avLst/>
          </a:prstGeom>
          <a:noFill/>
        </p:spPr>
        <p:txBody>
          <a:bodyPr wrap="square" lIns="91436" tIns="45718" rIns="91436" bIns="45718" rtlCol="0" anchor="b">
            <a:spAutoFit/>
          </a:bodyPr>
          <a:lstStyle/>
          <a:p>
            <a:r>
              <a:rPr lang="en-CA" sz="800" dirty="0">
                <a:solidFill>
                  <a:srgbClr val="82786F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1. Novo Nordisk. </a:t>
            </a:r>
            <a:r>
              <a:rPr lang="en-CA" sz="800" dirty="0" err="1">
                <a:solidFill>
                  <a:srgbClr val="82786F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NovoEight</a:t>
            </a:r>
            <a:r>
              <a:rPr lang="en-CA" sz="800" baseline="30000" dirty="0">
                <a:solidFill>
                  <a:srgbClr val="82786F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®</a:t>
            </a:r>
            <a:r>
              <a:rPr lang="en-CA" sz="800" dirty="0">
                <a:solidFill>
                  <a:srgbClr val="82786F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  <a:r>
              <a:rPr lang="en-CA" sz="800" dirty="0" err="1">
                <a:solidFill>
                  <a:srgbClr val="82786F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SmPC</a:t>
            </a:r>
            <a:r>
              <a:rPr lang="en-CA" sz="800" dirty="0">
                <a:solidFill>
                  <a:srgbClr val="82786F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2018; 2. Novo Nordisk. </a:t>
            </a:r>
            <a:r>
              <a:rPr lang="en-CA" sz="800" dirty="0" err="1">
                <a:solidFill>
                  <a:srgbClr val="82786F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NovoEight</a:t>
            </a:r>
            <a:r>
              <a:rPr lang="en-CA" sz="800" baseline="30000" dirty="0">
                <a:solidFill>
                  <a:srgbClr val="82786F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®</a:t>
            </a:r>
            <a:r>
              <a:rPr lang="en-CA" sz="800" dirty="0">
                <a:solidFill>
                  <a:srgbClr val="82786F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PI 2018.</a:t>
            </a:r>
          </a:p>
        </p:txBody>
      </p:sp>
      <p:sp>
        <p:nvSpPr>
          <p:cNvPr id="4" name="Прямокутник 3"/>
          <p:cNvSpPr/>
          <p:nvPr/>
        </p:nvSpPr>
        <p:spPr>
          <a:xfrm>
            <a:off x="922149" y="2696705"/>
            <a:ext cx="1115878" cy="309966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6" name="Прямокутник 15"/>
          <p:cNvSpPr/>
          <p:nvPr/>
        </p:nvSpPr>
        <p:spPr>
          <a:xfrm>
            <a:off x="766388" y="2716848"/>
            <a:ext cx="1115878" cy="309966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7" name="Прямокутник 16"/>
          <p:cNvSpPr/>
          <p:nvPr/>
        </p:nvSpPr>
        <p:spPr>
          <a:xfrm>
            <a:off x="1595758" y="4254493"/>
            <a:ext cx="1115878" cy="309966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8" name="Прямокутник 17"/>
          <p:cNvSpPr/>
          <p:nvPr/>
        </p:nvSpPr>
        <p:spPr>
          <a:xfrm>
            <a:off x="2481316" y="2090065"/>
            <a:ext cx="1115878" cy="150499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6" name="TextBox 5"/>
          <p:cNvSpPr txBox="1"/>
          <p:nvPr/>
        </p:nvSpPr>
        <p:spPr>
          <a:xfrm>
            <a:off x="549707" y="2695806"/>
            <a:ext cx="1549240" cy="5770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1050" dirty="0"/>
              <a:t>Попередньо  наповнений  шприц</a:t>
            </a:r>
            <a:endParaRPr lang="ru-RU" sz="1050" dirty="0"/>
          </a:p>
        </p:txBody>
      </p:sp>
      <p:sp>
        <p:nvSpPr>
          <p:cNvPr id="20" name="TextBox 19"/>
          <p:cNvSpPr txBox="1"/>
          <p:nvPr/>
        </p:nvSpPr>
        <p:spPr>
          <a:xfrm>
            <a:off x="2129883" y="2061897"/>
            <a:ext cx="1549240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1050" dirty="0"/>
              <a:t>Поршень</a:t>
            </a:r>
            <a:endParaRPr lang="ru-RU" sz="1050" dirty="0"/>
          </a:p>
        </p:txBody>
      </p:sp>
      <p:sp>
        <p:nvSpPr>
          <p:cNvPr id="21" name="TextBox 20"/>
          <p:cNvSpPr txBox="1"/>
          <p:nvPr/>
        </p:nvSpPr>
        <p:spPr>
          <a:xfrm>
            <a:off x="1147164" y="4193382"/>
            <a:ext cx="1549240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1050" dirty="0"/>
              <a:t>Адаптор флакона</a:t>
            </a:r>
            <a:endParaRPr lang="ru-RU" sz="1050" dirty="0"/>
          </a:p>
        </p:txBody>
      </p:sp>
    </p:spTree>
    <p:extLst>
      <p:ext uri="{BB962C8B-B14F-4D97-AF65-F5344CB8AC3E}">
        <p14:creationId xmlns:p14="http://schemas.microsoft.com/office/powerpoint/2010/main" val="31930250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27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81656911-1D96-4F96-8D90-CF5CF9B5611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16800" y="803868"/>
            <a:ext cx="8510400" cy="3466681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ru-RU" sz="2000" b="1" dirty="0" err="1"/>
              <a:t>Покази</a:t>
            </a:r>
            <a:endParaRPr lang="ru-RU" sz="2000" b="1" dirty="0"/>
          </a:p>
          <a:p>
            <a:r>
              <a:rPr lang="ru-RU" sz="1600" dirty="0" err="1"/>
              <a:t>Лікування</a:t>
            </a:r>
            <a:r>
              <a:rPr lang="ru-RU" sz="1600" dirty="0"/>
              <a:t> та </a:t>
            </a:r>
            <a:r>
              <a:rPr lang="ru-RU" sz="1600" dirty="0" err="1"/>
              <a:t>профілактика</a:t>
            </a:r>
            <a:r>
              <a:rPr lang="ru-RU" sz="1600" dirty="0"/>
              <a:t> </a:t>
            </a:r>
            <a:r>
              <a:rPr lang="ru-RU" sz="1600" dirty="0" err="1"/>
              <a:t>кровотеч</a:t>
            </a:r>
            <a:r>
              <a:rPr lang="ru-RU" sz="1600" dirty="0"/>
              <a:t> у </a:t>
            </a:r>
            <a:r>
              <a:rPr lang="ru-RU" sz="1600" dirty="0" err="1"/>
              <a:t>пацієнтів</a:t>
            </a:r>
            <a:r>
              <a:rPr lang="ru-RU" sz="1600" dirty="0"/>
              <a:t> з </a:t>
            </a:r>
            <a:r>
              <a:rPr lang="ru-RU" sz="1600" dirty="0" err="1"/>
              <a:t>гемофілією</a:t>
            </a:r>
            <a:r>
              <a:rPr lang="ru-RU" sz="1600" dirty="0"/>
              <a:t> А (</a:t>
            </a:r>
            <a:r>
              <a:rPr lang="ru-RU" sz="1600" dirty="0" err="1"/>
              <a:t>вродженим</a:t>
            </a:r>
            <a:r>
              <a:rPr lang="ru-RU" sz="1600" dirty="0"/>
              <a:t> </a:t>
            </a:r>
            <a:r>
              <a:rPr lang="ru-RU" sz="1600" dirty="0" err="1"/>
              <a:t>дефіцитом</a:t>
            </a:r>
            <a:r>
              <a:rPr lang="ru-RU" sz="1600" dirty="0"/>
              <a:t> фактора VIII)</a:t>
            </a:r>
          </a:p>
          <a:p>
            <a:r>
              <a:rPr lang="ru-RU" sz="1600" dirty="0"/>
              <a:t>Препарат </a:t>
            </a:r>
            <a:r>
              <a:rPr lang="ru-RU" sz="1600" dirty="0" err="1"/>
              <a:t>НовоЕйт</a:t>
            </a:r>
            <a:r>
              <a:rPr lang="ru-RU" sz="1600" baseline="30000" dirty="0"/>
              <a:t>®</a:t>
            </a:r>
            <a:r>
              <a:rPr lang="ru-RU" sz="1600" dirty="0"/>
              <a:t> </a:t>
            </a:r>
            <a:r>
              <a:rPr lang="ru-RU" sz="1600" dirty="0" err="1"/>
              <a:t>можна</a:t>
            </a:r>
            <a:r>
              <a:rPr lang="ru-RU" sz="1600" dirty="0"/>
              <a:t> </a:t>
            </a:r>
            <a:r>
              <a:rPr lang="ru-RU" sz="1600" dirty="0" err="1"/>
              <a:t>використовувати</a:t>
            </a:r>
            <a:r>
              <a:rPr lang="ru-RU" sz="1600" dirty="0"/>
              <a:t> </a:t>
            </a:r>
            <a:r>
              <a:rPr lang="ru-RU" sz="1600" dirty="0" err="1"/>
              <a:t>пацієнтам</a:t>
            </a:r>
            <a:r>
              <a:rPr lang="ru-RU" sz="1600" dirty="0"/>
              <a:t> </a:t>
            </a:r>
            <a:r>
              <a:rPr lang="ru-RU" sz="1600" dirty="0" err="1"/>
              <a:t>усіх</a:t>
            </a:r>
            <a:r>
              <a:rPr lang="ru-RU" sz="1600" dirty="0"/>
              <a:t> </a:t>
            </a:r>
            <a:r>
              <a:rPr lang="ru-RU" sz="1600" dirty="0" err="1"/>
              <a:t>вікових</a:t>
            </a:r>
            <a:r>
              <a:rPr lang="ru-RU" sz="1600" dirty="0"/>
              <a:t> </a:t>
            </a:r>
            <a:r>
              <a:rPr lang="ru-RU" sz="1600" dirty="0" err="1"/>
              <a:t>груп</a:t>
            </a:r>
            <a:r>
              <a:rPr lang="ru-RU" sz="1600" dirty="0"/>
              <a:t>.</a:t>
            </a:r>
          </a:p>
          <a:p>
            <a:endParaRPr lang="ru-RU" b="1" dirty="0"/>
          </a:p>
          <a:p>
            <a:pPr marL="0" indent="0">
              <a:buNone/>
            </a:pPr>
            <a:r>
              <a:rPr lang="ru-RU" sz="1600" b="1" dirty="0" err="1"/>
              <a:t>Протипокази</a:t>
            </a:r>
            <a:endParaRPr lang="ru-RU" sz="1600" b="1" dirty="0"/>
          </a:p>
          <a:p>
            <a:r>
              <a:rPr lang="ru-RU" sz="1400" dirty="0" err="1"/>
              <a:t>Гіперчутливість</a:t>
            </a:r>
            <a:r>
              <a:rPr lang="ru-RU" sz="1400" dirty="0"/>
              <a:t> до </a:t>
            </a:r>
            <a:r>
              <a:rPr lang="ru-RU" sz="1400" dirty="0" err="1"/>
              <a:t>діючої</a:t>
            </a:r>
            <a:r>
              <a:rPr lang="ru-RU" sz="1400" dirty="0"/>
              <a:t> </a:t>
            </a:r>
            <a:r>
              <a:rPr lang="ru-RU" sz="1400" dirty="0" err="1"/>
              <a:t>речовини</a:t>
            </a:r>
            <a:r>
              <a:rPr lang="ru-RU" sz="1400" dirty="0"/>
              <a:t> </a:t>
            </a:r>
            <a:r>
              <a:rPr lang="ru-RU" sz="1400" dirty="0" err="1"/>
              <a:t>або</a:t>
            </a:r>
            <a:r>
              <a:rPr lang="ru-RU" sz="1400" dirty="0"/>
              <a:t> до будь-</a:t>
            </a:r>
            <a:r>
              <a:rPr lang="ru-RU" sz="1400" dirty="0" err="1"/>
              <a:t>якої</a:t>
            </a:r>
            <a:r>
              <a:rPr lang="ru-RU" sz="1400" dirty="0"/>
              <a:t> </a:t>
            </a:r>
            <a:r>
              <a:rPr lang="ru-RU" sz="1400" dirty="0" err="1"/>
              <a:t>іншої</a:t>
            </a:r>
            <a:r>
              <a:rPr lang="ru-RU" sz="1400" dirty="0"/>
              <a:t> </a:t>
            </a:r>
            <a:r>
              <a:rPr lang="ru-RU" sz="1400" dirty="0" err="1"/>
              <a:t>допоміжної</a:t>
            </a:r>
            <a:r>
              <a:rPr lang="ru-RU" sz="1400" dirty="0"/>
              <a:t> </a:t>
            </a:r>
            <a:r>
              <a:rPr lang="ru-RU" sz="1400" dirty="0" err="1"/>
              <a:t>речовини</a:t>
            </a:r>
            <a:endParaRPr lang="ru-RU" sz="1400" dirty="0"/>
          </a:p>
          <a:p>
            <a:r>
              <a:rPr lang="ru-RU" sz="1400" dirty="0" err="1"/>
              <a:t>Відомо</a:t>
            </a:r>
            <a:r>
              <a:rPr lang="ru-RU" sz="1400" dirty="0"/>
              <a:t> про </a:t>
            </a:r>
            <a:r>
              <a:rPr lang="ru-RU" sz="1400" dirty="0" err="1"/>
              <a:t>алергійну</a:t>
            </a:r>
            <a:r>
              <a:rPr lang="ru-RU" sz="1400" dirty="0"/>
              <a:t> </a:t>
            </a:r>
            <a:r>
              <a:rPr lang="ru-RU" sz="1400" dirty="0" err="1"/>
              <a:t>реакцію</a:t>
            </a:r>
            <a:r>
              <a:rPr lang="ru-RU" sz="1400" dirty="0"/>
              <a:t> на </a:t>
            </a:r>
            <a:r>
              <a:rPr lang="ru-RU" sz="1400" dirty="0" err="1"/>
              <a:t>білки</a:t>
            </a:r>
            <a:r>
              <a:rPr lang="ru-RU" sz="1400" dirty="0"/>
              <a:t> </a:t>
            </a:r>
            <a:r>
              <a:rPr lang="ru-RU" sz="1400" dirty="0" err="1"/>
              <a:t>хом'яка</a:t>
            </a:r>
            <a:endParaRPr lang="ru-RU" sz="1600" b="1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B4161B9C-41DB-4AB3-A7F2-8DE9FB9F1F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2053" y="182416"/>
            <a:ext cx="8689842" cy="693072"/>
          </a:xfrm>
        </p:spPr>
        <p:txBody>
          <a:bodyPr/>
          <a:lstStyle/>
          <a:p>
            <a:r>
              <a:rPr lang="ru-RU" dirty="0" err="1"/>
              <a:t>Ново</a:t>
            </a:r>
            <a:r>
              <a:rPr lang="ru-RU" dirty="0" err="1">
                <a:solidFill>
                  <a:schemeClr val="tx2"/>
                </a:solidFill>
              </a:rPr>
              <a:t>Ейт</a:t>
            </a:r>
            <a:r>
              <a:rPr lang="ru-RU" baseline="30000" dirty="0"/>
              <a:t>®</a:t>
            </a:r>
            <a:r>
              <a:rPr lang="ru-RU" dirty="0"/>
              <a:t> - </a:t>
            </a:r>
            <a:r>
              <a:rPr lang="en-GB" dirty="0" err="1">
                <a:solidFill>
                  <a:srgbClr val="002060"/>
                </a:solidFill>
              </a:rPr>
              <a:t>turoctocog</a:t>
            </a:r>
            <a:r>
              <a:rPr lang="en-GB" dirty="0">
                <a:solidFill>
                  <a:srgbClr val="002060"/>
                </a:solidFill>
              </a:rPr>
              <a:t> </a:t>
            </a:r>
            <a:r>
              <a:rPr lang="en-GB" dirty="0" err="1">
                <a:solidFill>
                  <a:srgbClr val="002060"/>
                </a:solidFill>
              </a:rPr>
              <a:t>alf</a:t>
            </a:r>
            <a:r>
              <a:rPr lang="ru-RU" dirty="0">
                <a:solidFill>
                  <a:srgbClr val="002060"/>
                </a:solidFill>
              </a:rPr>
              <a:t>а</a:t>
            </a:r>
            <a:r>
              <a:rPr lang="ru-RU" dirty="0"/>
              <a:t> (</a:t>
            </a:r>
            <a:r>
              <a:rPr lang="ru-RU" dirty="0" err="1"/>
              <a:t>rFVIII</a:t>
            </a:r>
            <a:r>
              <a:rPr lang="ru-RU" dirty="0"/>
              <a:t>)</a:t>
            </a:r>
            <a:br>
              <a:rPr lang="ru-RU" sz="2100" b="0" dirty="0"/>
            </a:b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DD5DC97-4249-4DC5-9186-E0781996A18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977765" y="74217"/>
            <a:ext cx="2591025" cy="176799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968D39F9-126C-4549-8663-D6375957894A}"/>
              </a:ext>
            </a:extLst>
          </p:cNvPr>
          <p:cNvSpPr txBox="1"/>
          <p:nvPr/>
        </p:nvSpPr>
        <p:spPr>
          <a:xfrm>
            <a:off x="1047656" y="4842655"/>
            <a:ext cx="8317685" cy="2135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788" dirty="0">
                <a:solidFill>
                  <a:schemeClr val="bg1">
                    <a:lumMod val="50000"/>
                  </a:schemeClr>
                </a:solidFill>
              </a:rPr>
              <a:t>Інструкція НовоЕйт® РУ </a:t>
            </a:r>
            <a:r>
              <a:rPr lang="en-GB" sz="788" dirty="0">
                <a:solidFill>
                  <a:schemeClr val="bg1">
                    <a:lumMod val="50000"/>
                  </a:schemeClr>
                </a:solidFill>
              </a:rPr>
              <a:t>UA/</a:t>
            </a:r>
            <a:r>
              <a:rPr lang="ru-RU" sz="788" dirty="0">
                <a:solidFill>
                  <a:schemeClr val="bg1">
                    <a:lumMod val="50000"/>
                  </a:schemeClr>
                </a:solidFill>
              </a:rPr>
              <a:t>16751</a:t>
            </a:r>
            <a:r>
              <a:rPr lang="en-GB" sz="788" dirty="0">
                <a:solidFill>
                  <a:schemeClr val="bg1">
                    <a:lumMod val="50000"/>
                  </a:schemeClr>
                </a:solidFill>
              </a:rPr>
              <a:t>/01/0</a:t>
            </a:r>
            <a:r>
              <a:rPr lang="ru-RU" sz="788" dirty="0">
                <a:solidFill>
                  <a:schemeClr val="bg1">
                    <a:lumMod val="50000"/>
                  </a:schemeClr>
                </a:solidFill>
              </a:rPr>
              <a:t>1</a:t>
            </a:r>
            <a:endParaRPr lang="en-GB" sz="788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402214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829B9A37-634C-4809-BD49-D697F6AB060F}"/>
              </a:ext>
            </a:extLst>
          </p:cNvPr>
          <p:cNvSpPr/>
          <p:nvPr/>
        </p:nvSpPr>
        <p:spPr>
          <a:xfrm>
            <a:off x="162476" y="3743097"/>
            <a:ext cx="8819041" cy="7848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Туроктоког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альфа –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людський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фактор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коагуляції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da-DK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VIII.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Цей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глікопротеїн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має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таку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саму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будову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, як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людський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фактор </a:t>
            </a:r>
            <a:r>
              <a:rPr lang="da-DK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VIII 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у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стані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активації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. При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введенні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ацієнту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з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гемофілією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фактор </a:t>
            </a:r>
            <a:r>
              <a:rPr lang="da-DK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VIII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зв'язується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з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ендогенним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фактором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Віллебранду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у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крові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хворих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. Комплекс фактор </a:t>
            </a:r>
            <a:r>
              <a:rPr lang="da-DK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VIII/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фактор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Віллебранда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складається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з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двох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молекул (фактора </a:t>
            </a:r>
            <a:r>
              <a:rPr lang="da-DK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VIII 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та фактора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Віллебранда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) з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різними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фізіологічними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функціями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.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Активований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фактор </a:t>
            </a:r>
            <a:r>
              <a:rPr lang="da-DK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VIII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діє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як кофактор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активованого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фактора ІХ,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рискорюючи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еретворення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фактора Х на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актований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фактор Х.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Актований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фактор Х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еретворює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ротромбін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на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тромбін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.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ісля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чого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тромбін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еретворює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фібриноген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на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фібрин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, у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результаті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900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утворюється</a:t>
            </a:r>
            <a:r>
              <a:rPr lang="ru-RU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тромб.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758CB4C2-B0BE-4AA9-B11B-C5A9539E0418}"/>
              </a:ext>
            </a:extLst>
          </p:cNvPr>
          <p:cNvSpPr txBox="1"/>
          <p:nvPr/>
        </p:nvSpPr>
        <p:spPr>
          <a:xfrm>
            <a:off x="182853" y="705987"/>
            <a:ext cx="810902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b="1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Будова та </a:t>
            </a:r>
            <a:r>
              <a:rPr lang="ru-RU" b="1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механізм</a:t>
            </a:r>
            <a:r>
              <a:rPr lang="ru-RU" b="1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b="1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дії</a:t>
            </a:r>
            <a:endParaRPr lang="en-GB" b="1" dirty="0">
              <a:solidFill>
                <a:schemeClr val="tx2"/>
              </a:solidFill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</p:txBody>
      </p:sp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id="{AE081A45-8DF2-445F-8E9F-B3A23812425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969664" y="1025906"/>
            <a:ext cx="7204667" cy="2544294"/>
          </a:xfrm>
          <a:prstGeom prst="rect">
            <a:avLst/>
          </a:prstGeom>
        </p:spPr>
      </p:pic>
      <p:sp>
        <p:nvSpPr>
          <p:cNvPr id="9" name="Title 2">
            <a:extLst>
              <a:ext uri="{FF2B5EF4-FFF2-40B4-BE49-F238E27FC236}">
                <a16:creationId xmlns:a16="http://schemas.microsoft.com/office/drawing/2014/main" id="{CACF0C3B-2110-4E0A-9691-84A2618F7B9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71305" y="153881"/>
            <a:ext cx="8689842" cy="693072"/>
          </a:xfrm>
        </p:spPr>
        <p:txBody>
          <a:bodyPr/>
          <a:lstStyle/>
          <a:p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Ново</a:t>
            </a:r>
            <a:r>
              <a:rPr lang="ru-RU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Ейт</a:t>
            </a:r>
            <a:r>
              <a:rPr lang="ru-RU" baseline="30000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®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- </a:t>
            </a:r>
            <a:r>
              <a:rPr lang="en-GB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turoctocog</a:t>
            </a:r>
            <a:r>
              <a:rPr lang="en-GB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en-GB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alf</a:t>
            </a:r>
            <a:r>
              <a:rPr lang="ru-RU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а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(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rFVIII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)</a:t>
            </a:r>
            <a:endParaRPr lang="en-GB" dirty="0"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6EC0DCC1-5A00-40AA-9883-79B15EAD5A31}"/>
              </a:ext>
            </a:extLst>
          </p:cNvPr>
          <p:cNvSpPr/>
          <p:nvPr/>
        </p:nvSpPr>
        <p:spPr>
          <a:xfrm>
            <a:off x="729762" y="3436416"/>
            <a:ext cx="954593" cy="221183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33AA2B58-A3E2-46C6-A880-437C59AB4D01}"/>
              </a:ext>
            </a:extLst>
          </p:cNvPr>
          <p:cNvSpPr txBox="1"/>
          <p:nvPr/>
        </p:nvSpPr>
        <p:spPr>
          <a:xfrm>
            <a:off x="1047656" y="4790784"/>
            <a:ext cx="8317685" cy="2135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788" dirty="0">
                <a:solidFill>
                  <a:schemeClr val="bg1">
                    <a:lumMod val="50000"/>
                  </a:schemeClr>
                </a:solidFill>
              </a:rPr>
              <a:t>Інструкція НовоЕйт® </a:t>
            </a:r>
            <a:endParaRPr lang="en-GB" sz="788" dirty="0">
              <a:solidFill>
                <a:schemeClr val="bg1">
                  <a:lumMod val="50000"/>
                </a:schemeClr>
              </a:solidFill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6F5EE7CC-D95B-41B7-9E5D-3E4A4463274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43780" y="67451"/>
            <a:ext cx="2591025" cy="1767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284451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B67D9A62-E5A5-BFA8-AEF5-1A6DB47CD14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0290" y="1215602"/>
            <a:ext cx="8712900" cy="2955789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uk-UA" b="1" i="1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Лікування за потребою</a:t>
            </a:r>
          </a:p>
          <a:p>
            <a:r>
              <a:rPr lang="uk-UA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Розрахунок необхідної дози фактора </a:t>
            </a:r>
            <a:r>
              <a:rPr lang="da-DK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VIII </a:t>
            </a:r>
            <a:r>
              <a:rPr lang="uk-UA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базується на емпіричному результаті, згідно з яким 1 міжнародна одиниця (МО) фактора </a:t>
            </a:r>
            <a:r>
              <a:rPr lang="da-DK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VIII </a:t>
            </a:r>
            <a:r>
              <a:rPr lang="uk-UA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на 1 кг маси тіла підвищує активність фактора </a:t>
            </a:r>
            <a:r>
              <a:rPr lang="da-DK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VIII </a:t>
            </a:r>
            <a:r>
              <a:rPr lang="uk-UA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в плазмі крові на 2 МО/дл. Необхідну дозу визначають за такою формулою:</a:t>
            </a:r>
          </a:p>
          <a:p>
            <a:r>
              <a:rPr lang="uk-UA" b="1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Необхідна кількість одиниць = маса тіла (кг) × бажане підвищення рівня фактора </a:t>
            </a:r>
            <a:r>
              <a:rPr lang="da-DK" b="1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VIII (%) (</a:t>
            </a:r>
            <a:r>
              <a:rPr lang="uk-UA" b="1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МО/дл) × 0,5 (МО/кг на 1 МО/дл).</a:t>
            </a:r>
          </a:p>
          <a:p>
            <a:r>
              <a:rPr lang="uk-UA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Кількість, яку необхідно ввести, та частоту застосування завжди потрібно визначати у кожному випадку індивідуально, орієнтуючись на клінічну ефективність.</a:t>
            </a:r>
          </a:p>
          <a:p>
            <a:endParaRPr lang="uk-UA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5277A390-0776-CAAE-6783-FADCFC9284D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1150" y="410680"/>
            <a:ext cx="8510400" cy="391412"/>
          </a:xfrm>
        </p:spPr>
        <p:txBody>
          <a:bodyPr/>
          <a:lstStyle/>
          <a:p>
            <a:r>
              <a:rPr lang="uk-UA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Розрахунок дози НовоЕйт</a:t>
            </a:r>
            <a:r>
              <a:rPr lang="uk-UA" baseline="30000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® </a:t>
            </a:r>
            <a:r>
              <a:rPr lang="uk-UA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AE850FB-8718-42D3-50C7-DD74642F75E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A29B1CB-DD8C-6DF9-0AF5-444A1347D50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0A06C7C-ED57-5628-C5CE-1F8DCC6FB55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6</a:t>
            </a:fld>
            <a:endParaRPr lang="en-GB" noProof="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2B67E9B6-AA4B-BFCC-D31A-0E18229E93D5}"/>
              </a:ext>
            </a:extLst>
          </p:cNvPr>
          <p:cNvSpPr txBox="1"/>
          <p:nvPr/>
        </p:nvSpPr>
        <p:spPr>
          <a:xfrm>
            <a:off x="1047656" y="4790784"/>
            <a:ext cx="8317685" cy="2135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788" dirty="0">
                <a:solidFill>
                  <a:schemeClr val="bg1">
                    <a:lumMod val="50000"/>
                  </a:schemeClr>
                </a:solidFill>
              </a:rPr>
              <a:t>Інструкція НовоЕйт® </a:t>
            </a:r>
            <a:endParaRPr lang="en-GB" sz="788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300443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5C5FD9ED-CBFA-D66D-624F-FFF725A5989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16800" y="1066801"/>
            <a:ext cx="8510400" cy="3201212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ru-RU" b="1" i="1" dirty="0" err="1"/>
              <a:t>Профілактика</a:t>
            </a:r>
            <a:endParaRPr lang="ru-RU" b="1" i="1" dirty="0"/>
          </a:p>
          <a:p>
            <a:pPr marL="0" indent="0">
              <a:buNone/>
            </a:pPr>
            <a:endParaRPr lang="ru-RU" b="1" i="1" dirty="0"/>
          </a:p>
          <a:p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Для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довготривалої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рофілактики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кровотеч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у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ацієнтів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з тяжкою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гемофілією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А </a:t>
            </a:r>
            <a:r>
              <a:rPr lang="ru-RU" b="1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звичайна</a:t>
            </a:r>
            <a:r>
              <a:rPr lang="ru-RU" b="1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рекомендована доза становить 20−40 МО фактора VIII на 1 кг </a:t>
            </a:r>
            <a:r>
              <a:rPr lang="ru-RU" b="1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маси</a:t>
            </a:r>
            <a:r>
              <a:rPr lang="ru-RU" b="1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b="1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тіла</a:t>
            </a:r>
            <a:r>
              <a:rPr lang="ru-RU" b="1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через день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або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b="1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20−50 МО фактора VIII на 1 кг </a:t>
            </a:r>
            <a:r>
              <a:rPr lang="ru-RU" b="1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маси</a:t>
            </a:r>
            <a:r>
              <a:rPr lang="ru-RU" b="1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b="1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тіла</a:t>
            </a:r>
            <a:r>
              <a:rPr lang="ru-RU" b="1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3 рази на </a:t>
            </a:r>
            <a:r>
              <a:rPr lang="ru-RU" b="1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тиждень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. </a:t>
            </a:r>
          </a:p>
          <a:p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У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дорослих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і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ідлітків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(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віком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онад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12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років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) схема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рийому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може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ередбачати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менш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часте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застосування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препарату (40–60 МО/кг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кожний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третій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день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або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двічі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на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тиждень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).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Іноді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, особливо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ацієнтам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молодшого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віку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,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можуть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бути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необхідними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коротші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інтервали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між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введенням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препарату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або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вищі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дози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.</a:t>
            </a:r>
          </a:p>
          <a:p>
            <a:endParaRPr lang="uk-UA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542907A-757F-D6C9-DC89-5C6239A979E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620E051-ED96-8A83-0676-FCA2D27B9842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ACACC98-AA70-1FB1-95A6-D6B86AA6C5E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7</a:t>
            </a:fld>
            <a:endParaRPr lang="en-GB" noProof="0" dirty="0"/>
          </a:p>
        </p:txBody>
      </p:sp>
      <p:sp>
        <p:nvSpPr>
          <p:cNvPr id="7" name="Title 2">
            <a:extLst>
              <a:ext uri="{FF2B5EF4-FFF2-40B4-BE49-F238E27FC236}">
                <a16:creationId xmlns:a16="http://schemas.microsoft.com/office/drawing/2014/main" id="{85F1661E-706F-3DAA-A0A4-E7683CFA26D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7500" y="515938"/>
            <a:ext cx="8509000" cy="390525"/>
          </a:xfrm>
        </p:spPr>
        <p:txBody>
          <a:bodyPr/>
          <a:lstStyle/>
          <a:p>
            <a:r>
              <a:rPr lang="uk-UA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Розрахунок дози НовоЕйт</a:t>
            </a:r>
            <a:r>
              <a:rPr lang="uk-UA" baseline="30000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®</a:t>
            </a:r>
            <a:r>
              <a:rPr lang="uk-UA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 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EC92787-0E55-FB25-D45A-E29D2A1BC6B5}"/>
              </a:ext>
            </a:extLst>
          </p:cNvPr>
          <p:cNvSpPr txBox="1"/>
          <p:nvPr/>
        </p:nvSpPr>
        <p:spPr>
          <a:xfrm>
            <a:off x="1047656" y="4790784"/>
            <a:ext cx="8317685" cy="2135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788" dirty="0">
                <a:solidFill>
                  <a:schemeClr val="bg1">
                    <a:lumMod val="50000"/>
                  </a:schemeClr>
                </a:solidFill>
              </a:rPr>
              <a:t>Інструкція до лікарського засобу НовоЕйт® </a:t>
            </a:r>
            <a:endParaRPr lang="en-GB" sz="788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630095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5028F2C-94B5-44A9-87B4-1085442F851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5734B00-726F-4558-8199-4BBC57FE952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8</a:t>
            </a:fld>
            <a:endParaRPr lang="en-GB" noProof="0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2FCE0703-64DC-410C-AA79-CF2DEBE0F5D0}"/>
              </a:ext>
            </a:extLst>
          </p:cNvPr>
          <p:cNvSpPr/>
          <p:nvPr/>
        </p:nvSpPr>
        <p:spPr>
          <a:xfrm>
            <a:off x="322963" y="959915"/>
            <a:ext cx="8375024" cy="258532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sz="1400" b="1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Інструкція</a:t>
            </a:r>
            <a:r>
              <a:rPr lang="ru-RU" sz="1400" b="1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до </a:t>
            </a:r>
            <a:r>
              <a:rPr lang="ru-RU" sz="1400" b="1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медичного</a:t>
            </a:r>
            <a:r>
              <a:rPr lang="ru-RU" sz="1400" b="1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400" b="1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використання</a:t>
            </a:r>
            <a:r>
              <a:rPr lang="ru-RU" sz="1400" b="1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препарату</a:t>
            </a:r>
            <a:endParaRPr lang="en-US" sz="1400" b="1" dirty="0">
              <a:solidFill>
                <a:schemeClr val="tx2"/>
              </a:solidFill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  <a:p>
            <a:r>
              <a:rPr lang="ru-RU" b="1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 </a:t>
            </a:r>
            <a:endParaRPr lang="ru-RU" dirty="0"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  <a:p>
            <a:r>
              <a:rPr lang="uk-UA" sz="1400" b="1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Склад</a:t>
            </a:r>
            <a:endParaRPr lang="en-US" sz="1400" b="1" dirty="0">
              <a:solidFill>
                <a:srgbClr val="002060"/>
              </a:solidFill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  <a:p>
            <a:r>
              <a:rPr lang="uk-UA" sz="14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Діюча речовина: е</a:t>
            </a:r>
            <a:r>
              <a:rPr lang="en-GB" sz="14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ptacog</a:t>
            </a:r>
            <a:r>
              <a:rPr lang="en-GB" sz="14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alfa (activated) (</a:t>
            </a:r>
            <a:r>
              <a:rPr lang="en-GB" sz="14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rFVIIa</a:t>
            </a:r>
            <a:r>
              <a:rPr lang="en-GB" sz="14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);</a:t>
            </a:r>
            <a:endParaRPr lang="ru-RU" sz="1400" dirty="0">
              <a:solidFill>
                <a:srgbClr val="002060"/>
              </a:solidFill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  <a:p>
            <a:endParaRPr lang="ru-RU" sz="1400" dirty="0">
              <a:solidFill>
                <a:srgbClr val="002060"/>
              </a:solidFill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  <a:p>
            <a:r>
              <a:rPr lang="ru-RU" sz="1400" b="1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Лікарська</a:t>
            </a:r>
            <a:r>
              <a:rPr lang="ru-RU" sz="1400" b="1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форма</a:t>
            </a:r>
            <a:endParaRPr lang="ru-RU" sz="1400" dirty="0">
              <a:solidFill>
                <a:srgbClr val="002060"/>
              </a:solidFill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  <a:p>
            <a:r>
              <a:rPr lang="ru-RU" sz="14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Ліофілізований</a:t>
            </a:r>
            <a:r>
              <a:rPr lang="ru-RU" sz="14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порошок та </a:t>
            </a:r>
            <a:r>
              <a:rPr lang="ru-RU" sz="14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розчинник</a:t>
            </a:r>
            <a:r>
              <a:rPr lang="ru-RU" sz="14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для </a:t>
            </a:r>
            <a:r>
              <a:rPr lang="ru-RU" sz="14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риготування</a:t>
            </a:r>
            <a:r>
              <a:rPr lang="ru-RU" sz="14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4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розчину</a:t>
            </a:r>
            <a:r>
              <a:rPr lang="ru-RU" sz="14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для </a:t>
            </a:r>
            <a:r>
              <a:rPr lang="ru-RU" sz="14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ін'єкцій</a:t>
            </a:r>
            <a:endParaRPr lang="ru-RU" sz="1400" dirty="0">
              <a:solidFill>
                <a:srgbClr val="002060"/>
              </a:solidFill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  <a:p>
            <a:endParaRPr lang="ru-RU" b="0" i="0" dirty="0">
              <a:solidFill>
                <a:srgbClr val="002060"/>
              </a:solidFill>
              <a:effectLst/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  <a:p>
            <a:r>
              <a:rPr lang="ru-RU" sz="1400" b="1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Фармакотерапевтична</a:t>
            </a:r>
            <a:r>
              <a:rPr lang="ru-RU" sz="1400" b="1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400" b="1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група</a:t>
            </a:r>
            <a:endParaRPr lang="ru-RU" sz="1400" b="1" dirty="0">
              <a:solidFill>
                <a:srgbClr val="002060"/>
              </a:solidFill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  <a:p>
            <a:r>
              <a:rPr lang="ru-RU" sz="14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Гемостатичні</a:t>
            </a:r>
            <a:r>
              <a:rPr lang="ru-RU" sz="14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14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засоби</a:t>
            </a:r>
            <a:r>
              <a:rPr lang="ru-RU" sz="14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. </a:t>
            </a:r>
            <a:r>
              <a:rPr lang="ru-RU" sz="14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Чинники</a:t>
            </a:r>
            <a:r>
              <a:rPr lang="ru-RU" sz="14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згортання </a:t>
            </a:r>
            <a:r>
              <a:rPr lang="ru-RU" sz="1400" dirty="0" err="1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крові</a:t>
            </a:r>
            <a:r>
              <a:rPr lang="ru-RU" sz="1400" dirty="0">
                <a:solidFill>
                  <a:srgbClr val="002060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.</a:t>
            </a:r>
          </a:p>
          <a:p>
            <a:endParaRPr lang="en-GB" sz="1400" b="0" i="0" dirty="0">
              <a:solidFill>
                <a:srgbClr val="002060"/>
              </a:solidFill>
              <a:effectLst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44625F12-F0A3-4E78-9CE9-AAEB97F55FE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955753" y="170771"/>
            <a:ext cx="2591025" cy="176799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4DB91C7A-AC16-4E58-B949-CE511C5686DD}"/>
              </a:ext>
            </a:extLst>
          </p:cNvPr>
          <p:cNvSpPr txBox="1"/>
          <p:nvPr/>
        </p:nvSpPr>
        <p:spPr>
          <a:xfrm>
            <a:off x="316638" y="335882"/>
            <a:ext cx="837502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2400" b="1" dirty="0" err="1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Новосевен</a:t>
            </a:r>
            <a:r>
              <a:rPr lang="ru-RU" sz="2400" b="1" baseline="300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®</a:t>
            </a:r>
            <a:r>
              <a:rPr lang="ru-RU" sz="2400" b="1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(</a:t>
            </a:r>
            <a:r>
              <a:rPr lang="en-US" sz="2400" b="1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NOVOSEVEN</a:t>
            </a:r>
            <a:r>
              <a:rPr lang="ru-RU" sz="2400" b="1" baseline="300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®</a:t>
            </a:r>
            <a:r>
              <a:rPr lang="ru-RU" sz="2400" b="1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)</a:t>
            </a:r>
            <a:endParaRPr lang="en-GB" sz="2400" dirty="0"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B7ADCD01-AEB7-4A78-A1BD-3C0A88D8E458}"/>
              </a:ext>
            </a:extLst>
          </p:cNvPr>
          <p:cNvSpPr txBox="1"/>
          <p:nvPr/>
        </p:nvSpPr>
        <p:spPr>
          <a:xfrm>
            <a:off x="1047656" y="4700825"/>
            <a:ext cx="8317685" cy="2135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788" dirty="0">
                <a:solidFill>
                  <a:schemeClr val="bg1">
                    <a:lumMod val="50000"/>
                  </a:schemeClr>
                </a:solidFill>
              </a:rPr>
              <a:t>Інструкція НОВОСЕВЕН®  </a:t>
            </a:r>
            <a:r>
              <a:rPr lang="en-GB" sz="788" dirty="0">
                <a:solidFill>
                  <a:schemeClr val="bg1">
                    <a:lumMod val="50000"/>
                  </a:schemeClr>
                </a:solidFill>
              </a:rPr>
              <a:t>UA/5178/01/04</a:t>
            </a:r>
          </a:p>
        </p:txBody>
      </p:sp>
    </p:spTree>
    <p:extLst>
      <p:ext uri="{BB962C8B-B14F-4D97-AF65-F5344CB8AC3E}">
        <p14:creationId xmlns:p14="http://schemas.microsoft.com/office/powerpoint/2010/main" val="2623384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81656911-1D96-4F96-8D90-CF5CF9B5611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16800" y="803868"/>
            <a:ext cx="8510400" cy="3466681"/>
          </a:xfrm>
        </p:spPr>
        <p:txBody>
          <a:bodyPr>
            <a:normAutofit fontScale="62500" lnSpcReduction="20000"/>
          </a:bodyPr>
          <a:lstStyle/>
          <a:p>
            <a:pPr marL="0" indent="0">
              <a:buNone/>
            </a:pPr>
            <a:r>
              <a:rPr lang="ru-RU" sz="2400" b="1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окази</a:t>
            </a:r>
            <a:r>
              <a:rPr lang="ru-RU" sz="2400" b="1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</a:p>
          <a:p>
            <a:pPr marL="0" indent="0">
              <a:buNone/>
            </a:pPr>
            <a:endParaRPr lang="ru-RU" sz="2400" b="1" u="sng" dirty="0"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  <a:p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Лікування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кровотеч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та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їх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рофілактика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при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хірургічних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втручаннях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або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інших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інвазивних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процедурах у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ацієнтів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з такими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захворюваннями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:</a:t>
            </a:r>
          </a:p>
          <a:p>
            <a:pPr marL="0" indent="0">
              <a:buNone/>
            </a:pPr>
            <a:endParaRPr lang="ru-RU" sz="2175" dirty="0"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  <a:p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Вроджена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гемофілія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з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рівнем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інгібіторів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до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факторів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згортання </a:t>
            </a:r>
            <a:r>
              <a:rPr lang="da-DK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VIII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або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da-DK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IX&gt;5BU;</a:t>
            </a:r>
          </a:p>
          <a:p>
            <a:pPr marL="0" indent="0">
              <a:buNone/>
            </a:pPr>
            <a:endParaRPr lang="da-DK" sz="2175" dirty="0"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  <a:p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Вроджена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гемофілія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з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вираженою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реакцією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на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запровадження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факторів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da-DK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VIII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або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da-DK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IX 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в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анамнезі</a:t>
            </a:r>
            <a:endParaRPr lang="ru-RU" sz="2175" dirty="0"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  <a:p>
            <a:pPr marL="0" indent="0">
              <a:buNone/>
            </a:pPr>
            <a:endParaRPr lang="ru-RU" sz="2175" dirty="0"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  <a:p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Набута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гемофілія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;</a:t>
            </a:r>
          </a:p>
          <a:p>
            <a:pPr marL="0" indent="0">
              <a:buNone/>
            </a:pPr>
            <a:endParaRPr lang="ru-RU" sz="2175" dirty="0"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  <a:p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Вроджений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дефіцит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da-DK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VII 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фактора;</a:t>
            </a:r>
          </a:p>
          <a:p>
            <a:pPr marL="0" indent="0">
              <a:buNone/>
            </a:pPr>
            <a:endParaRPr lang="ru-RU" sz="2175" dirty="0"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  <a:p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Тромбастенія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Гланцмана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* з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антитілами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до </a:t>
            </a:r>
            <a:r>
              <a:rPr lang="da-DK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GP IIb-IIIa 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та/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або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da-DK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HLA 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та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резистентністю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до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переливання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тромбоцитів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у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минулому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чи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sz="2175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нині</a:t>
            </a:r>
            <a:r>
              <a:rPr lang="ru-RU" sz="2175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.</a:t>
            </a:r>
            <a:endParaRPr lang="en-GB" dirty="0"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B4161B9C-41DB-4AB3-A7F2-8DE9FB9F1F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2053" y="182416"/>
            <a:ext cx="8689842" cy="693072"/>
          </a:xfrm>
        </p:spPr>
        <p:txBody>
          <a:bodyPr/>
          <a:lstStyle/>
          <a:p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НовоСевен</a:t>
            </a:r>
            <a:r>
              <a:rPr lang="ru-RU" baseline="30000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®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-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еptacog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alfa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 (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activated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) (</a:t>
            </a:r>
            <a:r>
              <a:rPr lang="ru-RU" dirty="0" err="1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rFVIIa</a:t>
            </a:r>
            <a:r>
              <a:rPr lang="ru-RU" dirty="0"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)</a:t>
            </a:r>
            <a:endParaRPr lang="en-GB" dirty="0"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03CA07A5-C606-4A46-A8B7-09470866B732}"/>
              </a:ext>
            </a:extLst>
          </p:cNvPr>
          <p:cNvSpPr txBox="1"/>
          <p:nvPr/>
        </p:nvSpPr>
        <p:spPr>
          <a:xfrm>
            <a:off x="1037608" y="4929915"/>
            <a:ext cx="8317685" cy="2135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uk-UA" sz="788" dirty="0">
                <a:solidFill>
                  <a:schemeClr val="bg1">
                    <a:lumMod val="50000"/>
                  </a:schemeClr>
                </a:solidFill>
              </a:rPr>
              <a:t>Інструкція НОВОСЕВЕН® </a:t>
            </a:r>
            <a:r>
              <a:rPr lang="en-GB" sz="788" dirty="0">
                <a:solidFill>
                  <a:schemeClr val="bg1">
                    <a:lumMod val="50000"/>
                  </a:schemeClr>
                </a:solidFill>
              </a:rPr>
              <a:t>UA/5178/01/04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DD5DC97-4249-4DC5-9186-E0781996A18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977765" y="74217"/>
            <a:ext cx="2591025" cy="176799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8DA62327-2555-4AAC-B2A0-3FE9A2FD239F}"/>
              </a:ext>
            </a:extLst>
          </p:cNvPr>
          <p:cNvSpPr/>
          <p:nvPr/>
        </p:nvSpPr>
        <p:spPr>
          <a:xfrm>
            <a:off x="312053" y="4290645"/>
            <a:ext cx="7651247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uk-UA" sz="900" dirty="0">
                <a:solidFill>
                  <a:schemeClr val="tx2"/>
                </a:solidFill>
              </a:rPr>
              <a:t>*</a:t>
            </a:r>
            <a:r>
              <a:rPr lang="uk-UA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Тромбастенія гланцмана - відсутність або дефект мембранного рецептора до фібриногену та глікопротеїнів </a:t>
            </a:r>
            <a:r>
              <a:rPr lang="da-DK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IIb – IIIa </a:t>
            </a:r>
            <a:r>
              <a:rPr lang="uk-UA" sz="900" dirty="0">
                <a:solidFill>
                  <a:schemeClr val="tx2"/>
                </a:solidFill>
                <a:latin typeface="Apis For Office" panose="020B0504010101010104" pitchFamily="34" charset="0"/>
                <a:ea typeface="Apis For Office" panose="020B0504010101010104" pitchFamily="34" charset="0"/>
                <a:cs typeface="Apis For Office" panose="020B0504010101010104" pitchFamily="34" charset="0"/>
              </a:rPr>
              <a:t>внаслідок чого порушується агрегація тромбоцитів.</a:t>
            </a:r>
            <a:endParaRPr lang="en-GB" dirty="0">
              <a:latin typeface="Apis For Office" panose="020B0504010101010104" pitchFamily="34" charset="0"/>
              <a:ea typeface="Apis For Office" panose="020B0504010101010104" pitchFamily="34" charset="0"/>
              <a:cs typeface="Apis For Office" panose="020B05040101010101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22102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2503110258263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heme/theme1.xml><?xml version="1.0" encoding="utf-8"?>
<a:theme xmlns:a="http://schemas.openxmlformats.org/drawingml/2006/main" name="NN_Neutral_16-9">
  <a:themeElements>
    <a:clrScheme name="Novo Nordisk 2017">
      <a:dk1>
        <a:srgbClr val="000000"/>
      </a:dk1>
      <a:lt1>
        <a:srgbClr val="FFFFFF"/>
      </a:lt1>
      <a:dk2>
        <a:srgbClr val="001965"/>
      </a:dk2>
      <a:lt2>
        <a:srgbClr val="E0DED8"/>
      </a:lt2>
      <a:accent1>
        <a:srgbClr val="009FDA"/>
      </a:accent1>
      <a:accent2>
        <a:srgbClr val="001965"/>
      </a:accent2>
      <a:accent3>
        <a:srgbClr val="82786F"/>
      </a:accent3>
      <a:accent4>
        <a:srgbClr val="E0DED8"/>
      </a:accent4>
      <a:accent5>
        <a:srgbClr val="E64A0E"/>
      </a:accent5>
      <a:accent6>
        <a:srgbClr val="AEA79F"/>
      </a:accent6>
      <a:hlink>
        <a:srgbClr val="009FDA"/>
      </a:hlink>
      <a:folHlink>
        <a:srgbClr val="82786F"/>
      </a:folHlink>
    </a:clrScheme>
    <a:fontScheme name="Novo Nordisk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 w="9525">
          <a:solidFill>
            <a:schemeClr val="accent1"/>
          </a:solidFill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custClrLst>
    <a:custClr name="NN White - Primary Color">
      <a:srgbClr val="FFFFFF"/>
    </a:custClr>
    <a:custClr name="NN Dark blue - Primary Color">
      <a:srgbClr val="001965"/>
    </a:custClr>
    <a:custClr name="NN Light blue - Primary Color">
      <a:srgbClr val="009FDA"/>
    </a:custClr>
    <a:custClr name="NN Lava red - Secondary Color">
      <a:srgbClr val="E64A0E"/>
    </a:custClr>
    <a:custClr name="NN Granite grey - Secondary Color">
      <a:srgbClr val="82786F"/>
    </a:custClr>
    <a:custClr name="NN Concrete grey - Secondary Color">
      <a:srgbClr val="AEA79F"/>
    </a:custClr>
    <a:custClr name="NN Marble grey - Secondary Color">
      <a:srgbClr val="C7C2BA"/>
    </a:custClr>
    <a:custClr name="NN Pearl grey - Secondary Color">
      <a:srgbClr val="E0DED8"/>
    </a:custClr>
    <a:custClr name="NN Black - Accent Color">
      <a:srgbClr val="001423"/>
    </a:custClr>
    <a:custClr name="NN Forest green - Accent Color">
      <a:srgbClr val="3F9C35"/>
    </a:custClr>
    <a:custClr name="NN Grass green - Accent Color">
      <a:srgbClr val="739600"/>
    </a:custClr>
    <a:custClr name="NN Lime Green - Accent Color">
      <a:srgbClr val="C9DD03"/>
    </a:custClr>
    <a:custClr name="NN Ocean blue - Accent Color">
      <a:srgbClr val="007C92"/>
    </a:custClr>
    <a:custClr name="NN Sky blue - Accent Color">
      <a:srgbClr val="72B5CC"/>
    </a:custClr>
    <a:custClr name="NN Misty blue - Accent Color">
      <a:srgbClr val="C2DEEA"/>
    </a:custClr>
    <a:custClr name="NN Sunset orange - Accent Color">
      <a:srgbClr val="D47600"/>
    </a:custClr>
    <a:custClr name="NN Golden yellow - Accent Color">
      <a:srgbClr val="EAAB00"/>
    </a:custClr>
  </a:custClrLst>
  <a:extLst>
    <a:ext uri="{05A4C25C-085E-4340-85A3-A5531E510DB2}">
      <thm15:themeFamily xmlns:thm15="http://schemas.microsoft.com/office/thememl/2012/main" name="Presentation2" id="{5C0A9369-9F36-45FB-B335-56FAA532ECBC}" vid="{A8C25DB1-287C-4574-AD20-8482BDDF481B}"/>
    </a:ext>
  </a:extLst>
</a:theme>
</file>

<file path=ppt/theme/theme2.xml><?xml version="1.0" encoding="utf-8"?>
<a:theme xmlns:a="http://schemas.openxmlformats.org/drawingml/2006/main" name="Office Theme">
  <a:themeElements>
    <a:clrScheme name="NN 2012">
      <a:dk1>
        <a:srgbClr val="001965"/>
      </a:dk1>
      <a:lt1>
        <a:srgbClr val="FFFFFF"/>
      </a:lt1>
      <a:dk2>
        <a:srgbClr val="001965"/>
      </a:dk2>
      <a:lt2>
        <a:srgbClr val="E0DED8"/>
      </a:lt2>
      <a:accent1>
        <a:srgbClr val="009FDA"/>
      </a:accent1>
      <a:accent2>
        <a:srgbClr val="001965"/>
      </a:accent2>
      <a:accent3>
        <a:srgbClr val="82786F"/>
      </a:accent3>
      <a:accent4>
        <a:srgbClr val="E0DED8"/>
      </a:accent4>
      <a:accent5>
        <a:srgbClr val="E64A0E"/>
      </a:accent5>
      <a:accent6>
        <a:srgbClr val="AEA79F"/>
      </a:accent6>
      <a:hlink>
        <a:srgbClr val="009FDA"/>
      </a:hlink>
      <a:folHlink>
        <a:srgbClr val="82786F"/>
      </a:folHlink>
    </a:clrScheme>
    <a:fontScheme name="Aspect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NN 2012">
      <a:dk1>
        <a:srgbClr val="001965"/>
      </a:dk1>
      <a:lt1>
        <a:srgbClr val="FFFFFF"/>
      </a:lt1>
      <a:dk2>
        <a:srgbClr val="001965"/>
      </a:dk2>
      <a:lt2>
        <a:srgbClr val="E0DED8"/>
      </a:lt2>
      <a:accent1>
        <a:srgbClr val="009FDA"/>
      </a:accent1>
      <a:accent2>
        <a:srgbClr val="001965"/>
      </a:accent2>
      <a:accent3>
        <a:srgbClr val="82786F"/>
      </a:accent3>
      <a:accent4>
        <a:srgbClr val="E0DED8"/>
      </a:accent4>
      <a:accent5>
        <a:srgbClr val="E64A0E"/>
      </a:accent5>
      <a:accent6>
        <a:srgbClr val="AEA79F"/>
      </a:accent6>
      <a:hlink>
        <a:srgbClr val="009FDA"/>
      </a:hlink>
      <a:folHlink>
        <a:srgbClr val="82786F"/>
      </a:folHlink>
    </a:clrScheme>
    <a:fontScheme name="Aspect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New Changing Haemophilia presentation--03</Template>
  <TotalTime>10184</TotalTime>
  <Words>910</Words>
  <Application>Microsoft Office PowerPoint</Application>
  <PresentationFormat>On-screen Show (16:9)</PresentationFormat>
  <Paragraphs>108</Paragraphs>
  <Slides>12</Slides>
  <Notes>1</Notes>
  <HiddenSlides>0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7" baseType="lpstr">
      <vt:lpstr>Apis For Office</vt:lpstr>
      <vt:lpstr>Arial</vt:lpstr>
      <vt:lpstr>Verdana</vt:lpstr>
      <vt:lpstr>NN_Neutral_16-9</vt:lpstr>
      <vt:lpstr>think-cell Slide</vt:lpstr>
      <vt:lpstr>Препарати для лікування гемофілії А та гемофілії, що ускладнена інгібіторами  </vt:lpstr>
      <vt:lpstr>Зміст</vt:lpstr>
      <vt:lpstr>НовоЕйт ® (туроктоког альфа) </vt:lpstr>
      <vt:lpstr>НовоЕйт® - turoctocog alfа (rFVIII) </vt:lpstr>
      <vt:lpstr>НовоЕйт® - turoctocog alfа (rFVIII)</vt:lpstr>
      <vt:lpstr>Розрахунок дози НовоЕйт®  </vt:lpstr>
      <vt:lpstr>Розрахунок дози НовоЕйт®  </vt:lpstr>
      <vt:lpstr>PowerPoint Presentation</vt:lpstr>
      <vt:lpstr>НовоСевен® - еptacog alfa (activated) (rFVIIa)</vt:lpstr>
      <vt:lpstr>PowerPoint Presentation</vt:lpstr>
      <vt:lpstr>rFVIIa механізм дії</vt:lpstr>
      <vt:lpstr> Рекомендоване дозування та схема терапії </vt:lpstr>
    </vt:vector>
  </TitlesOfParts>
  <Company>Novo Nordisk A/S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BQJ (Anders Børup Jepsen)</dc:creator>
  <cp:lastModifiedBy>NARH (Anna Rabocha)</cp:lastModifiedBy>
  <cp:revision>237</cp:revision>
  <dcterms:created xsi:type="dcterms:W3CDTF">2019-08-27T11:26:40Z</dcterms:created>
  <dcterms:modified xsi:type="dcterms:W3CDTF">2023-09-16T16:06:21Z</dcterms:modified>
  <cp:category>PP Templates</cp:category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8-08-21T14:43:30.0495386Z</vt:lpwstr>
  </property>
  <property fmtid="{D5CDD505-2E9C-101B-9397-08002B2CF9AE}" pid="3" name="CustomerId">
    <vt:lpwstr>novonordisk</vt:lpwstr>
  </property>
  <property fmtid="{D5CDD505-2E9C-101B-9397-08002B2CF9AE}" pid="4" name="TemplateId">
    <vt:lpwstr>636656073531651977</vt:lpwstr>
  </property>
  <property fmtid="{D5CDD505-2E9C-101B-9397-08002B2CF9AE}" pid="5" name="UserProfileId">
    <vt:lpwstr>637033598778618880</vt:lpwstr>
  </property>
</Properties>
</file>